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127"/>
  <workbookPr/>
  <mc:AlternateContent xmlns:mc="http://schemas.openxmlformats.org/markup-compatibility/2006">
    <mc:Choice Requires="x15">
      <x15ac:absPath xmlns:x15ac="http://schemas.microsoft.com/office/spreadsheetml/2010/11/ac" url="C:\Users\s128898\Desktop\New folder\"/>
    </mc:Choice>
  </mc:AlternateContent>
  <xr:revisionPtr revIDLastSave="0" documentId="13_ncr:1_{844CD138-02A1-477C-9C95-910D4A6209F3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  <sheet name="Sheet2" sheetId="2" r:id="rId2"/>
  </sheets>
  <calcPr calcId="152511" concurrentCalc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98" uniqueCount="48">
  <si>
    <t>WEEK 2</t>
  </si>
  <si>
    <t>WEEK 3</t>
  </si>
  <si>
    <t>WEEK 5</t>
  </si>
  <si>
    <t>WEEK 6</t>
  </si>
  <si>
    <t>WEEK 7</t>
  </si>
  <si>
    <t>WEEK 8</t>
  </si>
  <si>
    <t>WEEK 9</t>
  </si>
  <si>
    <t>WEEK 10</t>
  </si>
  <si>
    <t>AWAY</t>
  </si>
  <si>
    <t>HOME</t>
  </si>
  <si>
    <t>BISHOP HIGHSCHOOL</t>
  </si>
  <si>
    <t>IWV</t>
  </si>
  <si>
    <t>ARVIN HIGHSCHOOL</t>
  </si>
  <si>
    <t>ROSAMOND HIGHSCHOOL</t>
  </si>
  <si>
    <t>KERN VALLEY HIGHSCHOOL</t>
  </si>
  <si>
    <t>KERN</t>
  </si>
  <si>
    <t>F</t>
  </si>
  <si>
    <t>ARVIN</t>
  </si>
  <si>
    <t>PLAYOFFS</t>
  </si>
  <si>
    <t>SUPER BOWL</t>
  </si>
  <si>
    <t>BISHOP</t>
  </si>
  <si>
    <t>BRAVES</t>
  </si>
  <si>
    <t>ROSAMOND</t>
  </si>
  <si>
    <t>BORON</t>
  </si>
  <si>
    <t>S</t>
  </si>
  <si>
    <t>TOP 4 TEAMS</t>
  </si>
  <si>
    <t>JV</t>
  </si>
  <si>
    <t>V</t>
  </si>
  <si>
    <t>BYE</t>
  </si>
  <si>
    <t>outlaws</t>
  </si>
  <si>
    <t>ven soph</t>
  </si>
  <si>
    <t>ven jv</t>
  </si>
  <si>
    <t>mcfrlnd frsh</t>
  </si>
  <si>
    <t>mcfrlnd soph</t>
  </si>
  <si>
    <t>mcfrlnd jv</t>
  </si>
  <si>
    <t>VENOM HIGHSCHOOL</t>
  </si>
  <si>
    <t>H</t>
  </si>
  <si>
    <t>A</t>
  </si>
  <si>
    <t>OUTLAWS</t>
  </si>
  <si>
    <t>Week 0</t>
  </si>
  <si>
    <t>WEEK 1</t>
  </si>
  <si>
    <t>WEEK 4</t>
  </si>
  <si>
    <t>OUTLAWS/RICHGROVE</t>
  </si>
  <si>
    <t>MCFARLAND</t>
  </si>
  <si>
    <t>RICHGROVE</t>
  </si>
  <si>
    <t>JF EAGLES</t>
  </si>
  <si>
    <t>TBD</t>
  </si>
  <si>
    <t>V@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3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4"/>
      <color rgb="FF000000"/>
      <name val="Calibri"/>
    </font>
    <font>
      <b/>
      <sz val="14"/>
      <color rgb="FF000000"/>
      <name val="Calibri"/>
      <family val="2"/>
    </font>
    <font>
      <b/>
      <sz val="11"/>
      <color rgb="FF000000"/>
      <name val="Calibri"/>
    </font>
    <font>
      <sz val="11"/>
      <name val="Calibri"/>
    </font>
    <font>
      <sz val="11"/>
      <color rgb="FF002060"/>
      <name val="Calibri"/>
    </font>
    <font>
      <sz val="11"/>
      <color rgb="FFBFBFBF"/>
      <name val="Calibri"/>
    </font>
    <font>
      <sz val="11"/>
      <color rgb="FFFFFFFF"/>
      <name val="Calibri"/>
    </font>
    <font>
      <sz val="11"/>
      <color rgb="FFD8D8D8"/>
      <name val="Calibri"/>
    </font>
    <font>
      <sz val="11"/>
      <color rgb="FFFF0000"/>
      <name val="Calibri"/>
    </font>
    <font>
      <sz val="11"/>
      <color rgb="FFFFFF00"/>
      <name val="Calibri"/>
    </font>
    <font>
      <u/>
      <sz val="11"/>
      <color theme="10"/>
      <name val="Calibri"/>
      <family val="2"/>
      <scheme val="minor"/>
    </font>
  </fonts>
  <fills count="12">
    <fill>
      <patternFill patternType="none"/>
    </fill>
    <fill>
      <patternFill patternType="gray125"/>
    </fill>
    <fill>
      <patternFill patternType="solid">
        <fgColor theme="6" tint="-0.249977111117893"/>
        <bgColor indexed="64"/>
      </patternFill>
    </fill>
    <fill>
      <patternFill patternType="solid">
        <fgColor rgb="FFFFFF00"/>
        <bgColor rgb="FFFFFF00"/>
      </patternFill>
    </fill>
    <fill>
      <patternFill patternType="solid">
        <fgColor rgb="FFFF0000"/>
        <bgColor rgb="FFFF0000"/>
      </patternFill>
    </fill>
    <fill>
      <patternFill patternType="solid">
        <fgColor rgb="FF3C943E"/>
        <bgColor rgb="FF3C943E"/>
      </patternFill>
    </fill>
    <fill>
      <patternFill patternType="solid">
        <fgColor rgb="FF0070C0"/>
        <bgColor rgb="FF0070C0"/>
      </patternFill>
    </fill>
    <fill>
      <patternFill patternType="solid">
        <fgColor rgb="FF002060"/>
        <bgColor rgb="FF002060"/>
      </patternFill>
    </fill>
    <fill>
      <patternFill patternType="solid">
        <fgColor rgb="FF000000"/>
        <bgColor rgb="FF000000"/>
      </patternFill>
    </fill>
    <fill>
      <patternFill patternType="solid">
        <fgColor rgb="FFA5A5A5"/>
        <bgColor rgb="FFA5A5A5"/>
      </patternFill>
    </fill>
    <fill>
      <patternFill patternType="solid">
        <fgColor theme="1"/>
        <bgColor rgb="FF002060"/>
      </patternFill>
    </fill>
    <fill>
      <patternFill patternType="solid">
        <fgColor theme="4" tint="0.39997558519241921"/>
        <bgColor indexed="64"/>
      </patternFill>
    </fill>
  </fills>
  <borders count="27">
    <border>
      <left/>
      <right/>
      <top/>
      <bottom/>
      <diagonal/>
    </border>
    <border>
      <left style="medium">
        <color rgb="FF000000"/>
      </left>
      <right/>
      <top style="medium">
        <color rgb="FF000000"/>
      </top>
      <bottom style="thin">
        <color rgb="FF000000"/>
      </bottom>
      <diagonal/>
    </border>
    <border>
      <left/>
      <right/>
      <top style="medium">
        <color rgb="FF000000"/>
      </top>
      <bottom style="thin">
        <color rgb="FF000000"/>
      </bottom>
      <diagonal/>
    </border>
    <border>
      <left/>
      <right style="medium">
        <color rgb="FF000000"/>
      </right>
      <top style="medium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thin">
        <color rgb="FF000000"/>
      </bottom>
      <diagonal/>
    </border>
    <border>
      <left style="medium">
        <color rgb="FF000000"/>
      </left>
      <right/>
      <top/>
      <bottom/>
      <diagonal/>
    </border>
    <border>
      <left/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medium">
        <color rgb="FF000000"/>
      </left>
      <right style="thin">
        <color rgb="FF000000"/>
      </right>
      <top/>
      <bottom style="thin">
        <color rgb="FF000000"/>
      </bottom>
      <diagonal/>
    </border>
    <border>
      <left style="medium">
        <color rgb="FF000000"/>
      </left>
      <right/>
      <top/>
      <bottom style="medium">
        <color rgb="FF000000"/>
      </bottom>
      <diagonal/>
    </border>
    <border>
      <left/>
      <right style="thin">
        <color rgb="FF000000"/>
      </right>
      <top/>
      <bottom style="medium">
        <color rgb="FF000000"/>
      </bottom>
      <diagonal/>
    </border>
    <border>
      <left/>
      <right style="medium">
        <color rgb="FF000000"/>
      </right>
      <top/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 style="medium">
        <color rgb="FF000000"/>
      </right>
      <top style="thin">
        <color rgb="FF000000"/>
      </top>
      <bottom style="medium">
        <color rgb="FF000000"/>
      </bottom>
      <diagonal/>
    </border>
    <border>
      <left style="thin">
        <color rgb="FF000000"/>
      </left>
      <right style="thin">
        <color rgb="FF000000"/>
      </right>
      <top/>
      <bottom style="medium">
        <color rgb="FF000000"/>
      </bottom>
      <diagonal/>
    </border>
    <border>
      <left style="medium">
        <color rgb="FF000000"/>
      </left>
      <right style="thin">
        <color rgb="FF000000"/>
      </right>
      <top/>
      <bottom style="medium">
        <color rgb="FF000000"/>
      </bottom>
      <diagonal/>
    </border>
    <border>
      <left/>
      <right style="thin">
        <color rgb="FF000000"/>
      </right>
      <top style="thin">
        <color rgb="FF000000"/>
      </top>
      <bottom style="medium">
        <color rgb="FF000000"/>
      </bottom>
      <diagonal/>
    </border>
    <border>
      <left style="medium">
        <color rgb="FF000000"/>
      </left>
      <right/>
      <top style="medium">
        <color rgb="FF000000"/>
      </top>
      <bottom/>
      <diagonal/>
    </border>
    <border>
      <left/>
      <right/>
      <top style="medium">
        <color rgb="FF000000"/>
      </top>
      <bottom/>
      <diagonal/>
    </border>
    <border>
      <left/>
      <right style="medium">
        <color rgb="FF000000"/>
      </right>
      <top style="medium">
        <color rgb="FF000000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rgb="FF000000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2">
    <xf numFmtId="0" fontId="0" fillId="0" borderId="0"/>
    <xf numFmtId="0" fontId="12" fillId="0" borderId="0" applyNumberFormat="0" applyFill="0" applyBorder="0" applyAlignment="0" applyProtection="0"/>
  </cellStyleXfs>
  <cellXfs count="85">
    <xf numFmtId="0" fontId="0" fillId="0" borderId="0" xfId="0"/>
    <xf numFmtId="0" fontId="2" fillId="0" borderId="0" xfId="0" applyFont="1" applyAlignment="1">
      <alignment horizontal="center"/>
    </xf>
    <xf numFmtId="16" fontId="2" fillId="0" borderId="0" xfId="0" applyNumberFormat="1" applyFont="1" applyAlignment="1">
      <alignment horizontal="center"/>
    </xf>
    <xf numFmtId="0" fontId="0" fillId="2" borderId="0" xfId="0" applyFill="1"/>
    <xf numFmtId="0" fontId="3" fillId="0" borderId="0" xfId="0" applyFont="1" applyAlignment="1">
      <alignment horizontal="center"/>
    </xf>
    <xf numFmtId="0" fontId="4" fillId="0" borderId="0" xfId="0" applyFont="1" applyAlignment="1">
      <alignment horizontal="center"/>
    </xf>
    <xf numFmtId="0" fontId="0" fillId="0" borderId="1" xfId="0" applyFont="1" applyBorder="1" applyAlignment="1">
      <alignment horizontal="center"/>
    </xf>
    <xf numFmtId="0" fontId="0" fillId="0" borderId="0" xfId="0" applyFont="1" applyAlignment="1">
      <alignment horizontal="center"/>
    </xf>
    <xf numFmtId="0" fontId="0" fillId="0" borderId="0" xfId="0" applyFont="1" applyFill="1" applyAlignment="1">
      <alignment horizontal="center"/>
    </xf>
    <xf numFmtId="0" fontId="6" fillId="3" borderId="4" xfId="0" applyFont="1" applyFill="1" applyBorder="1" applyAlignment="1">
      <alignment horizontal="center"/>
    </xf>
    <xf numFmtId="0" fontId="0" fillId="0" borderId="4" xfId="0" applyFont="1" applyBorder="1" applyAlignment="1">
      <alignment horizontal="center"/>
    </xf>
    <xf numFmtId="0" fontId="7" fillId="4" borderId="4" xfId="0" applyFont="1" applyFill="1" applyBorder="1" applyAlignment="1">
      <alignment horizontal="center"/>
    </xf>
    <xf numFmtId="0" fontId="0" fillId="0" borderId="4" xfId="0" applyFont="1" applyBorder="1" applyAlignment="1"/>
    <xf numFmtId="0" fontId="1" fillId="0" borderId="0" xfId="0" applyFont="1"/>
    <xf numFmtId="0" fontId="8" fillId="5" borderId="5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9" fillId="6" borderId="6" xfId="0" applyFont="1" applyFill="1" applyBorder="1" applyAlignment="1">
      <alignment horizontal="center"/>
    </xf>
    <xf numFmtId="0" fontId="0" fillId="0" borderId="7" xfId="0" applyFont="1" applyBorder="1" applyAlignment="1">
      <alignment horizontal="center"/>
    </xf>
    <xf numFmtId="0" fontId="7" fillId="4" borderId="6" xfId="0" applyFont="1" applyFill="1" applyBorder="1" applyAlignment="1">
      <alignment horizontal="center"/>
    </xf>
    <xf numFmtId="0" fontId="8" fillId="7" borderId="5" xfId="0" applyFont="1" applyFill="1" applyBorder="1" applyAlignment="1">
      <alignment horizontal="center"/>
    </xf>
    <xf numFmtId="0" fontId="0" fillId="0" borderId="6" xfId="0" applyFont="1" applyBorder="1"/>
    <xf numFmtId="0" fontId="10" fillId="8" borderId="8" xfId="0" applyFont="1" applyFill="1" applyBorder="1" applyAlignment="1">
      <alignment horizontal="center"/>
    </xf>
    <xf numFmtId="0" fontId="11" fillId="8" borderId="4" xfId="0" applyFont="1" applyFill="1" applyBorder="1" applyAlignment="1">
      <alignment horizontal="center"/>
    </xf>
    <xf numFmtId="0" fontId="6" fillId="3" borderId="9" xfId="0" applyFont="1" applyFill="1" applyBorder="1" applyAlignment="1">
      <alignment horizontal="center"/>
    </xf>
    <xf numFmtId="0" fontId="0" fillId="0" borderId="9" xfId="0" applyFont="1" applyBorder="1" applyAlignment="1">
      <alignment horizontal="center"/>
    </xf>
    <xf numFmtId="0" fontId="7" fillId="4" borderId="9" xfId="0" applyFont="1" applyFill="1" applyBorder="1" applyAlignment="1">
      <alignment horizontal="center"/>
    </xf>
    <xf numFmtId="0" fontId="0" fillId="0" borderId="9" xfId="0" applyFont="1" applyBorder="1" applyAlignment="1"/>
    <xf numFmtId="0" fontId="0" fillId="0" borderId="10" xfId="0" applyFont="1" applyBorder="1" applyAlignment="1">
      <alignment horizontal="center"/>
    </xf>
    <xf numFmtId="0" fontId="8" fillId="5" borderId="11" xfId="0" applyFont="1" applyFill="1" applyBorder="1" applyAlignment="1">
      <alignment horizontal="center"/>
    </xf>
    <xf numFmtId="0" fontId="11" fillId="8" borderId="9" xfId="0" applyFont="1" applyFill="1" applyBorder="1" applyAlignment="1">
      <alignment horizontal="center"/>
    </xf>
    <xf numFmtId="0" fontId="10" fillId="8" borderId="12" xfId="0" applyFont="1" applyFill="1" applyBorder="1" applyAlignment="1">
      <alignment horizontal="center"/>
    </xf>
    <xf numFmtId="0" fontId="11" fillId="8" borderId="13" xfId="0" applyFont="1" applyFill="1" applyBorder="1" applyAlignment="1">
      <alignment horizontal="center"/>
    </xf>
    <xf numFmtId="0" fontId="6" fillId="3" borderId="13" xfId="0" applyFont="1" applyFill="1" applyBorder="1" applyAlignment="1">
      <alignment horizontal="center"/>
    </xf>
    <xf numFmtId="0" fontId="0" fillId="0" borderId="13" xfId="0" applyFont="1" applyBorder="1" applyAlignment="1">
      <alignment horizontal="center"/>
    </xf>
    <xf numFmtId="0" fontId="7" fillId="4" borderId="13" xfId="0" applyFont="1" applyFill="1" applyBorder="1" applyAlignment="1">
      <alignment horizontal="center"/>
    </xf>
    <xf numFmtId="0" fontId="0" fillId="0" borderId="14" xfId="0" applyFont="1" applyBorder="1" applyAlignment="1">
      <alignment horizontal="center"/>
    </xf>
    <xf numFmtId="0" fontId="8" fillId="5" borderId="15" xfId="0" applyFont="1" applyFill="1" applyBorder="1" applyAlignment="1">
      <alignment horizontal="center"/>
    </xf>
    <xf numFmtId="0" fontId="0" fillId="0" borderId="16" xfId="0" applyFont="1" applyBorder="1" applyAlignment="1">
      <alignment horizontal="center"/>
    </xf>
    <xf numFmtId="0" fontId="9" fillId="6" borderId="16" xfId="0" applyFont="1" applyFill="1" applyBorder="1" applyAlignment="1">
      <alignment horizontal="center"/>
    </xf>
    <xf numFmtId="0" fontId="0" fillId="0" borderId="17" xfId="0" applyFont="1" applyBorder="1" applyAlignment="1">
      <alignment horizontal="center"/>
    </xf>
    <xf numFmtId="0" fontId="7" fillId="4" borderId="16" xfId="0" applyFont="1" applyFill="1" applyBorder="1" applyAlignment="1">
      <alignment horizontal="center"/>
    </xf>
    <xf numFmtId="0" fontId="8" fillId="7" borderId="15" xfId="0" applyFont="1" applyFill="1" applyBorder="1" applyAlignment="1">
      <alignment horizontal="center"/>
    </xf>
    <xf numFmtId="0" fontId="0" fillId="0" borderId="18" xfId="0" applyFont="1" applyBorder="1" applyAlignment="1">
      <alignment horizontal="center"/>
    </xf>
    <xf numFmtId="0" fontId="8" fillId="5" borderId="19" xfId="0" applyFont="1" applyFill="1" applyBorder="1" applyAlignment="1">
      <alignment horizontal="center"/>
    </xf>
    <xf numFmtId="0" fontId="11" fillId="8" borderId="20" xfId="0" applyFont="1" applyFill="1" applyBorder="1" applyAlignment="1">
      <alignment horizontal="center"/>
    </xf>
    <xf numFmtId="0" fontId="11" fillId="8" borderId="6" xfId="0" applyFont="1" applyFill="1" applyBorder="1" applyAlignment="1">
      <alignment horizontal="center"/>
    </xf>
    <xf numFmtId="0" fontId="6" fillId="3" borderId="6" xfId="0" applyFont="1" applyFill="1" applyBorder="1" applyAlignment="1">
      <alignment horizontal="center"/>
    </xf>
    <xf numFmtId="0" fontId="9" fillId="6" borderId="10" xfId="0" applyFont="1" applyFill="1" applyBorder="1" applyAlignment="1">
      <alignment horizontal="center"/>
    </xf>
    <xf numFmtId="0" fontId="11" fillId="8" borderId="16" xfId="0" applyFont="1" applyFill="1" applyBorder="1" applyAlignment="1">
      <alignment horizontal="center"/>
    </xf>
    <xf numFmtId="0" fontId="6" fillId="3" borderId="16" xfId="0" applyFont="1" applyFill="1" applyBorder="1" applyAlignment="1">
      <alignment horizontal="center"/>
    </xf>
    <xf numFmtId="0" fontId="9" fillId="6" borderId="18" xfId="0" applyFont="1" applyFill="1" applyBorder="1" applyAlignment="1">
      <alignment horizontal="center"/>
    </xf>
    <xf numFmtId="0" fontId="9" fillId="6" borderId="5" xfId="0" applyFont="1" applyFill="1" applyBorder="1" applyAlignment="1">
      <alignment horizontal="center"/>
    </xf>
    <xf numFmtId="0" fontId="0" fillId="0" borderId="7" xfId="0" applyFont="1" applyBorder="1"/>
    <xf numFmtId="0" fontId="9" fillId="6" borderId="15" xfId="0" applyFont="1" applyFill="1" applyBorder="1" applyAlignment="1">
      <alignment horizontal="center"/>
    </xf>
    <xf numFmtId="0" fontId="0" fillId="0" borderId="17" xfId="0" applyFont="1" applyBorder="1"/>
    <xf numFmtId="0" fontId="8" fillId="10" borderId="5" xfId="0" applyFont="1" applyFill="1" applyBorder="1" applyAlignment="1">
      <alignment horizontal="center"/>
    </xf>
    <xf numFmtId="0" fontId="0" fillId="0" borderId="2" xfId="0" applyFont="1" applyBorder="1" applyAlignment="1">
      <alignment horizontal="center"/>
    </xf>
    <xf numFmtId="0" fontId="0" fillId="0" borderId="3" xfId="0" applyFont="1" applyBorder="1" applyAlignment="1">
      <alignment horizontal="center"/>
    </xf>
    <xf numFmtId="0" fontId="1" fillId="0" borderId="24" xfId="0" applyFont="1" applyBorder="1"/>
    <xf numFmtId="0" fontId="0" fillId="0" borderId="1" xfId="0" applyFont="1" applyFill="1" applyBorder="1" applyAlignment="1">
      <alignment horizontal="center"/>
    </xf>
    <xf numFmtId="0" fontId="5" fillId="0" borderId="2" xfId="0" applyFont="1" applyFill="1" applyBorder="1"/>
    <xf numFmtId="0" fontId="5" fillId="0" borderId="3" xfId="0" applyFont="1" applyFill="1" applyBorder="1"/>
    <xf numFmtId="0" fontId="0" fillId="0" borderId="1" xfId="0" applyFont="1" applyBorder="1" applyAlignment="1">
      <alignment horizontal="center"/>
    </xf>
    <xf numFmtId="0" fontId="5" fillId="0" borderId="2" xfId="0" applyFont="1" applyBorder="1"/>
    <xf numFmtId="0" fontId="5" fillId="0" borderId="3" xfId="0" applyFont="1" applyBorder="1"/>
    <xf numFmtId="0" fontId="2" fillId="9" borderId="0" xfId="0" applyFont="1" applyFill="1" applyBorder="1" applyAlignment="1">
      <alignment horizontal="center"/>
    </xf>
    <xf numFmtId="0" fontId="5" fillId="0" borderId="0" xfId="0" applyFont="1" applyBorder="1"/>
    <xf numFmtId="0" fontId="0" fillId="0" borderId="21" xfId="0" applyFont="1" applyFill="1" applyBorder="1" applyAlignment="1">
      <alignment horizontal="center"/>
    </xf>
    <xf numFmtId="0" fontId="5" fillId="0" borderId="22" xfId="0" applyFont="1" applyFill="1" applyBorder="1"/>
    <xf numFmtId="0" fontId="5" fillId="0" borderId="23" xfId="0" applyFont="1" applyFill="1" applyBorder="1"/>
    <xf numFmtId="0" fontId="0" fillId="0" borderId="2" xfId="0" applyFont="1" applyBorder="1" applyAlignment="1">
      <alignment horizontal="center"/>
    </xf>
    <xf numFmtId="0" fontId="0" fillId="0" borderId="3" xfId="0" applyFont="1" applyBorder="1" applyAlignment="1">
      <alignment horizontal="center"/>
    </xf>
    <xf numFmtId="0" fontId="2" fillId="9" borderId="0" xfId="0" applyFont="1" applyFill="1" applyBorder="1" applyAlignment="1">
      <alignment horizontal="center" vertical="center"/>
    </xf>
    <xf numFmtId="0" fontId="2" fillId="9" borderId="25" xfId="0" applyFont="1" applyFill="1" applyBorder="1" applyAlignment="1">
      <alignment horizontal="center" vertical="center"/>
    </xf>
    <xf numFmtId="0" fontId="0" fillId="0" borderId="0" xfId="0" applyFont="1" applyBorder="1" applyAlignment="1">
      <alignment horizontal="center"/>
    </xf>
    <xf numFmtId="0" fontId="0" fillId="11" borderId="6" xfId="0" applyFill="1" applyBorder="1"/>
    <xf numFmtId="0" fontId="0" fillId="11" borderId="26" xfId="0" applyFill="1" applyBorder="1"/>
    <xf numFmtId="0" fontId="0" fillId="0" borderId="21" xfId="0" applyFont="1" applyBorder="1" applyAlignment="1">
      <alignment horizontal="center"/>
    </xf>
    <xf numFmtId="0" fontId="0" fillId="0" borderId="22" xfId="0" applyFont="1" applyBorder="1" applyAlignment="1">
      <alignment horizontal="center"/>
    </xf>
    <xf numFmtId="0" fontId="0" fillId="0" borderId="23" xfId="0" applyFont="1" applyBorder="1" applyAlignment="1">
      <alignment horizontal="center"/>
    </xf>
    <xf numFmtId="0" fontId="0" fillId="0" borderId="0" xfId="0" applyFont="1" applyFill="1" applyBorder="1" applyAlignment="1">
      <alignment horizontal="center"/>
    </xf>
    <xf numFmtId="0" fontId="1" fillId="0" borderId="0" xfId="0" applyFont="1" applyFill="1" applyBorder="1" applyAlignment="1">
      <alignment horizontal="left"/>
    </xf>
    <xf numFmtId="20" fontId="0" fillId="0" borderId="0" xfId="0" applyNumberFormat="1" applyFont="1" applyFill="1" applyBorder="1" applyAlignment="1">
      <alignment horizontal="center"/>
    </xf>
    <xf numFmtId="0" fontId="12" fillId="0" borderId="16" xfId="1" applyBorder="1" applyAlignment="1">
      <alignment horizontal="center"/>
    </xf>
    <xf numFmtId="0" fontId="0" fillId="0" borderId="0" xfId="0" applyAlignment="1">
      <alignment horizontal="center"/>
    </xf>
  </cellXfs>
  <cellStyles count="2">
    <cellStyle name="Hyperlink" xfId="1" builtinId="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V@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BJ40"/>
  <sheetViews>
    <sheetView tabSelected="1" zoomScale="75" zoomScaleNormal="75" workbookViewId="0">
      <selection activeCell="AX32" sqref="AX32"/>
    </sheetView>
  </sheetViews>
  <sheetFormatPr defaultRowHeight="15"/>
  <cols>
    <col min="1" max="1" width="12" bestFit="1" customWidth="1"/>
    <col min="2" max="2" width="3" bestFit="1" customWidth="1"/>
    <col min="3" max="3" width="11.7109375" bestFit="1" customWidth="1"/>
    <col min="4" max="4" width="3" bestFit="1" customWidth="1"/>
    <col min="5" max="5" width="3.5703125" bestFit="1" customWidth="1"/>
    <col min="6" max="6" width="1.7109375" customWidth="1"/>
    <col min="7" max="7" width="11.7109375" bestFit="1" customWidth="1"/>
    <col min="8" max="8" width="4.28515625" bestFit="1" customWidth="1"/>
    <col min="9" max="9" width="12.140625" bestFit="1" customWidth="1"/>
    <col min="10" max="10" width="3" bestFit="1" customWidth="1"/>
    <col min="11" max="11" width="5.28515625" bestFit="1" customWidth="1"/>
    <col min="12" max="12" width="1.7109375" customWidth="1"/>
    <col min="13" max="13" width="11.7109375" bestFit="1" customWidth="1"/>
    <col min="14" max="14" width="3" bestFit="1" customWidth="1"/>
    <col min="15" max="15" width="11.7109375" bestFit="1" customWidth="1"/>
    <col min="16" max="16" width="3" bestFit="1" customWidth="1"/>
    <col min="17" max="17" width="3.5703125" bestFit="1" customWidth="1"/>
    <col min="18" max="18" width="1.5703125" customWidth="1"/>
    <col min="19" max="19" width="11.7109375" bestFit="1" customWidth="1"/>
    <col min="20" max="20" width="3" bestFit="1" customWidth="1"/>
    <col min="21" max="21" width="11.7109375" bestFit="1" customWidth="1"/>
    <col min="22" max="22" width="3" bestFit="1" customWidth="1"/>
    <col min="23" max="23" width="3.5703125" bestFit="1" customWidth="1"/>
    <col min="24" max="24" width="1.42578125" customWidth="1"/>
    <col min="25" max="25" width="11.7109375" bestFit="1" customWidth="1"/>
    <col min="26" max="26" width="3" bestFit="1" customWidth="1"/>
    <col min="27" max="27" width="11.7109375" bestFit="1" customWidth="1"/>
    <col min="28" max="28" width="3" bestFit="1" customWidth="1"/>
    <col min="29" max="29" width="3.5703125" bestFit="1" customWidth="1"/>
    <col min="30" max="30" width="1.42578125" customWidth="1"/>
    <col min="31" max="31" width="11.7109375" bestFit="1" customWidth="1"/>
    <col min="32" max="32" width="3" bestFit="1" customWidth="1"/>
    <col min="33" max="33" width="11.7109375" bestFit="1" customWidth="1"/>
    <col min="34" max="34" width="3" bestFit="1" customWidth="1"/>
    <col min="35" max="35" width="3.5703125" bestFit="1" customWidth="1"/>
    <col min="36" max="36" width="1.5703125" customWidth="1"/>
    <col min="37" max="37" width="11.7109375" bestFit="1" customWidth="1"/>
    <col min="38" max="38" width="3" bestFit="1" customWidth="1"/>
    <col min="39" max="39" width="9" bestFit="1" customWidth="1"/>
    <col min="40" max="40" width="3" bestFit="1" customWidth="1"/>
    <col min="41" max="41" width="3.5703125" bestFit="1" customWidth="1"/>
    <col min="42" max="42" width="1.28515625" customWidth="1"/>
    <col min="43" max="43" width="11.7109375" bestFit="1" customWidth="1"/>
    <col min="44" max="44" width="3" bestFit="1" customWidth="1"/>
    <col min="45" max="45" width="12.85546875" bestFit="1" customWidth="1"/>
    <col min="46" max="46" width="3" bestFit="1" customWidth="1"/>
    <col min="47" max="47" width="3.5703125" bestFit="1" customWidth="1"/>
    <col min="48" max="48" width="1.140625" customWidth="1"/>
    <col min="49" max="49" width="11.7109375" bestFit="1" customWidth="1"/>
    <col min="50" max="50" width="3" bestFit="1" customWidth="1"/>
    <col min="51" max="51" width="11.7109375" bestFit="1" customWidth="1"/>
    <col min="52" max="52" width="3.140625" customWidth="1"/>
    <col min="53" max="53" width="3.5703125" bestFit="1" customWidth="1"/>
    <col min="54" max="54" width="1.5703125" customWidth="1"/>
    <col min="55" max="55" width="11.7109375" bestFit="1" customWidth="1"/>
    <col min="56" max="56" width="3" bestFit="1" customWidth="1"/>
    <col min="57" max="57" width="9" bestFit="1" customWidth="1"/>
    <col min="58" max="58" width="1.5703125" customWidth="1"/>
    <col min="59" max="59" width="12.5703125" bestFit="1" customWidth="1"/>
    <col min="60" max="60" width="2.140625" customWidth="1"/>
    <col min="61" max="61" width="12.5703125" bestFit="1" customWidth="1"/>
    <col min="64" max="64" width="2.140625" customWidth="1"/>
    <col min="65" max="65" width="12.5703125" bestFit="1" customWidth="1"/>
    <col min="67" max="67" width="9.5703125" bestFit="1" customWidth="1"/>
    <col min="68" max="68" width="2.140625" customWidth="1"/>
  </cols>
  <sheetData>
    <row r="1" spans="1:62" ht="18.75">
      <c r="A1" s="1" t="s">
        <v>39</v>
      </c>
      <c r="B1" s="1"/>
      <c r="C1" s="2">
        <v>44443</v>
      </c>
      <c r="D1" s="1"/>
      <c r="E1" s="1"/>
      <c r="F1" s="3"/>
      <c r="G1" s="1" t="s">
        <v>40</v>
      </c>
      <c r="H1" s="1"/>
      <c r="I1" s="2">
        <v>44450</v>
      </c>
      <c r="J1" s="1"/>
      <c r="K1" s="1"/>
      <c r="L1" s="3"/>
      <c r="M1" s="1" t="s">
        <v>0</v>
      </c>
      <c r="N1" s="1"/>
      <c r="O1" s="2">
        <v>44457</v>
      </c>
      <c r="R1" s="3"/>
      <c r="S1" s="1" t="s">
        <v>1</v>
      </c>
      <c r="T1" s="1"/>
      <c r="U1" s="2">
        <v>44464</v>
      </c>
      <c r="X1" s="3"/>
      <c r="Y1" s="1" t="s">
        <v>41</v>
      </c>
      <c r="Z1" s="1"/>
      <c r="AA1" s="2">
        <v>44471</v>
      </c>
      <c r="AB1" s="1"/>
      <c r="AC1" s="1"/>
      <c r="AD1" s="3"/>
      <c r="AE1" s="1" t="s">
        <v>2</v>
      </c>
      <c r="AF1" s="1"/>
      <c r="AG1" s="2">
        <v>44478</v>
      </c>
      <c r="AJ1" s="3"/>
      <c r="AK1" s="1" t="s">
        <v>3</v>
      </c>
      <c r="AL1" s="1"/>
      <c r="AM1" s="2">
        <v>44485</v>
      </c>
      <c r="AN1" s="1"/>
      <c r="AO1" s="1"/>
      <c r="AP1" s="3"/>
      <c r="AQ1" s="1" t="s">
        <v>4</v>
      </c>
      <c r="AR1" s="1"/>
      <c r="AS1" s="2">
        <v>44492</v>
      </c>
      <c r="AV1" s="3"/>
      <c r="AW1" s="1" t="s">
        <v>5</v>
      </c>
      <c r="AX1" s="1"/>
      <c r="AY1" s="2">
        <v>44499</v>
      </c>
      <c r="BB1" s="3"/>
      <c r="BC1" s="1" t="s">
        <v>6</v>
      </c>
      <c r="BD1" s="1"/>
      <c r="BE1" s="2">
        <v>44506</v>
      </c>
      <c r="BF1" s="3"/>
      <c r="BG1" s="4" t="s">
        <v>7</v>
      </c>
      <c r="BI1" s="2">
        <v>44513</v>
      </c>
      <c r="BJ1" s="3"/>
    </row>
    <row r="2" spans="1:62" ht="15.75" thickBot="1">
      <c r="A2" s="5" t="s">
        <v>8</v>
      </c>
      <c r="B2" s="5"/>
      <c r="C2" s="5" t="s">
        <v>9</v>
      </c>
      <c r="D2" s="5"/>
      <c r="E2" s="5"/>
      <c r="F2" s="3"/>
      <c r="G2" s="5" t="s">
        <v>8</v>
      </c>
      <c r="H2" s="5"/>
      <c r="I2" s="5" t="s">
        <v>9</v>
      </c>
      <c r="J2" s="5"/>
      <c r="K2" s="5"/>
      <c r="L2" s="3"/>
      <c r="M2" s="5" t="s">
        <v>8</v>
      </c>
      <c r="N2" s="5"/>
      <c r="O2" s="5" t="s">
        <v>9</v>
      </c>
      <c r="R2" s="3"/>
      <c r="S2" s="5" t="s">
        <v>8</v>
      </c>
      <c r="T2" s="5"/>
      <c r="U2" s="5" t="s">
        <v>9</v>
      </c>
      <c r="X2" s="3"/>
      <c r="Y2" s="5" t="s">
        <v>8</v>
      </c>
      <c r="Z2" s="5"/>
      <c r="AA2" s="5" t="s">
        <v>9</v>
      </c>
      <c r="AB2" s="5"/>
      <c r="AC2" s="5"/>
      <c r="AD2" s="3"/>
      <c r="AE2" s="5" t="s">
        <v>8</v>
      </c>
      <c r="AF2" s="5"/>
      <c r="AG2" s="5" t="s">
        <v>9</v>
      </c>
      <c r="AJ2" s="3"/>
      <c r="AK2" s="5" t="s">
        <v>8</v>
      </c>
      <c r="AL2" s="5"/>
      <c r="AM2" s="5" t="s">
        <v>9</v>
      </c>
      <c r="AN2" s="5"/>
      <c r="AO2" s="5"/>
      <c r="AP2" s="3"/>
      <c r="AQ2" s="5" t="s">
        <v>8</v>
      </c>
      <c r="AR2" s="5"/>
      <c r="AS2" s="5" t="s">
        <v>9</v>
      </c>
      <c r="AV2" s="3"/>
      <c r="AW2" s="5" t="s">
        <v>8</v>
      </c>
      <c r="AX2" s="5"/>
      <c r="AY2" s="5" t="s">
        <v>9</v>
      </c>
      <c r="BB2" s="3"/>
      <c r="BF2" s="3"/>
    </row>
    <row r="3" spans="1:62" ht="15.75" thickBot="1">
      <c r="A3" s="62" t="s">
        <v>10</v>
      </c>
      <c r="B3" s="63"/>
      <c r="C3" s="63"/>
      <c r="D3" s="64"/>
      <c r="E3" s="7"/>
      <c r="F3" s="3"/>
      <c r="G3" s="59" t="s">
        <v>23</v>
      </c>
      <c r="H3" s="60"/>
      <c r="I3" s="60"/>
      <c r="J3" s="61"/>
      <c r="L3" s="3"/>
      <c r="M3" s="59" t="s">
        <v>23</v>
      </c>
      <c r="N3" s="60"/>
      <c r="O3" s="60"/>
      <c r="P3" s="61"/>
      <c r="Q3" s="7"/>
      <c r="R3" s="3"/>
      <c r="S3" s="59" t="s">
        <v>13</v>
      </c>
      <c r="T3" s="60"/>
      <c r="U3" s="60"/>
      <c r="V3" s="61"/>
      <c r="W3" s="8"/>
      <c r="X3" s="3"/>
      <c r="Y3" s="59" t="s">
        <v>42</v>
      </c>
      <c r="Z3" s="60"/>
      <c r="AA3" s="60"/>
      <c r="AB3" s="61"/>
      <c r="AC3" s="7"/>
      <c r="AD3" s="3"/>
      <c r="AE3" s="59" t="s">
        <v>13</v>
      </c>
      <c r="AF3" s="60"/>
      <c r="AG3" s="60"/>
      <c r="AH3" s="61"/>
      <c r="AJ3" s="3"/>
      <c r="AK3" s="62" t="s">
        <v>11</v>
      </c>
      <c r="AL3" s="63"/>
      <c r="AM3" s="63"/>
      <c r="AN3" s="64"/>
      <c r="AO3" s="7"/>
      <c r="AP3" s="3"/>
      <c r="AQ3" s="59" t="s">
        <v>14</v>
      </c>
      <c r="AR3" s="60"/>
      <c r="AS3" s="60"/>
      <c r="AT3" s="61"/>
      <c r="AU3" s="7"/>
      <c r="AV3" s="3"/>
      <c r="AW3" s="62" t="s">
        <v>11</v>
      </c>
      <c r="AX3" s="63"/>
      <c r="AY3" s="63"/>
      <c r="AZ3" s="64"/>
      <c r="BA3" s="7"/>
      <c r="BB3" s="3"/>
      <c r="BC3" s="13" t="s">
        <v>18</v>
      </c>
      <c r="BD3" s="13"/>
      <c r="BF3" s="3"/>
      <c r="BG3" s="62" t="s">
        <v>12</v>
      </c>
      <c r="BH3" s="63"/>
      <c r="BI3" s="63"/>
      <c r="BJ3" s="64"/>
    </row>
    <row r="4" spans="1:62" ht="15.75" thickBot="1">
      <c r="A4" s="14" t="s">
        <v>11</v>
      </c>
      <c r="B4" s="15" t="s">
        <v>16</v>
      </c>
      <c r="C4" s="16" t="s">
        <v>20</v>
      </c>
      <c r="D4" s="17" t="s">
        <v>16</v>
      </c>
      <c r="E4" s="7">
        <v>9</v>
      </c>
      <c r="F4" s="3"/>
      <c r="G4" s="16" t="s">
        <v>20</v>
      </c>
      <c r="H4" s="15" t="s">
        <v>16</v>
      </c>
      <c r="I4" s="45" t="s">
        <v>23</v>
      </c>
      <c r="J4" s="15" t="s">
        <v>16</v>
      </c>
      <c r="K4" s="7">
        <v>9</v>
      </c>
      <c r="L4" s="3"/>
      <c r="M4" s="75" t="s">
        <v>43</v>
      </c>
      <c r="N4" s="10" t="s">
        <v>16</v>
      </c>
      <c r="O4" s="45" t="s">
        <v>23</v>
      </c>
      <c r="P4" s="10" t="s">
        <v>16</v>
      </c>
      <c r="Q4" s="7">
        <v>9</v>
      </c>
      <c r="R4" s="3"/>
      <c r="S4" s="14" t="s">
        <v>11</v>
      </c>
      <c r="T4" s="10" t="s">
        <v>16</v>
      </c>
      <c r="U4" s="21" t="s">
        <v>22</v>
      </c>
      <c r="V4" s="15" t="s">
        <v>16</v>
      </c>
      <c r="W4" s="80">
        <v>9</v>
      </c>
      <c r="X4" s="3"/>
      <c r="Y4" s="11" t="s">
        <v>17</v>
      </c>
      <c r="Z4" s="15" t="s">
        <v>16</v>
      </c>
      <c r="AA4" s="58" t="s">
        <v>38</v>
      </c>
      <c r="AB4" s="15" t="s">
        <v>16</v>
      </c>
      <c r="AC4" s="7">
        <v>9</v>
      </c>
      <c r="AD4" s="3"/>
      <c r="AE4" s="22" t="s">
        <v>23</v>
      </c>
      <c r="AF4" s="10" t="s">
        <v>16</v>
      </c>
      <c r="AG4" s="21" t="s">
        <v>22</v>
      </c>
      <c r="AH4" s="10" t="s">
        <v>16</v>
      </c>
      <c r="AI4" s="7">
        <v>9</v>
      </c>
      <c r="AJ4" s="3"/>
      <c r="AK4" s="22" t="s">
        <v>23</v>
      </c>
      <c r="AL4" s="10" t="s">
        <v>16</v>
      </c>
      <c r="AM4" s="14" t="s">
        <v>11</v>
      </c>
      <c r="AN4" s="12" t="s">
        <v>16</v>
      </c>
      <c r="AO4" s="7">
        <v>9</v>
      </c>
      <c r="AP4" s="3"/>
      <c r="AQ4" s="22" t="s">
        <v>23</v>
      </c>
      <c r="AR4" s="15" t="s">
        <v>16</v>
      </c>
      <c r="AS4" s="9" t="s">
        <v>15</v>
      </c>
      <c r="AT4" s="15" t="s">
        <v>16</v>
      </c>
      <c r="AU4" s="7">
        <v>9</v>
      </c>
      <c r="AV4" s="3"/>
      <c r="AW4" s="51" t="s">
        <v>20</v>
      </c>
      <c r="AX4" s="15" t="s">
        <v>16</v>
      </c>
      <c r="AY4" s="14" t="s">
        <v>11</v>
      </c>
      <c r="AZ4" s="15" t="s">
        <v>16</v>
      </c>
      <c r="BA4" s="7">
        <v>9</v>
      </c>
      <c r="BB4" s="3"/>
      <c r="BC4" s="13" t="s">
        <v>25</v>
      </c>
      <c r="BD4" s="13"/>
      <c r="BF4" s="3"/>
      <c r="BG4" s="13" t="s">
        <v>19</v>
      </c>
      <c r="BJ4" s="3"/>
    </row>
    <row r="5" spans="1:62" ht="15.75" thickBot="1">
      <c r="A5" s="14" t="s">
        <v>11</v>
      </c>
      <c r="B5" s="15" t="s">
        <v>24</v>
      </c>
      <c r="C5" s="16" t="s">
        <v>20</v>
      </c>
      <c r="D5" s="17" t="s">
        <v>24</v>
      </c>
      <c r="E5" s="7">
        <v>11</v>
      </c>
      <c r="F5" s="3"/>
      <c r="G5" s="16" t="s">
        <v>20</v>
      </c>
      <c r="H5" s="15" t="s">
        <v>24</v>
      </c>
      <c r="I5" s="45" t="s">
        <v>23</v>
      </c>
      <c r="J5" s="15" t="s">
        <v>24</v>
      </c>
      <c r="K5" s="7">
        <v>11</v>
      </c>
      <c r="L5" s="3"/>
      <c r="M5" s="75" t="s">
        <v>43</v>
      </c>
      <c r="N5" s="24" t="s">
        <v>24</v>
      </c>
      <c r="O5" s="45" t="s">
        <v>23</v>
      </c>
      <c r="P5" s="24" t="s">
        <v>24</v>
      </c>
      <c r="Q5" s="7">
        <v>11</v>
      </c>
      <c r="R5" s="3"/>
      <c r="S5" s="28" t="s">
        <v>11</v>
      </c>
      <c r="T5" s="24" t="s">
        <v>24</v>
      </c>
      <c r="U5" s="21" t="s">
        <v>22</v>
      </c>
      <c r="V5" s="15" t="s">
        <v>24</v>
      </c>
      <c r="W5" s="80">
        <v>11</v>
      </c>
      <c r="X5" s="3"/>
      <c r="Y5" s="25" t="s">
        <v>17</v>
      </c>
      <c r="Z5" s="15" t="s">
        <v>24</v>
      </c>
      <c r="AA5" s="58" t="s">
        <v>38</v>
      </c>
      <c r="AB5" s="15" t="s">
        <v>24</v>
      </c>
      <c r="AC5" s="7">
        <v>11</v>
      </c>
      <c r="AD5" s="3"/>
      <c r="AE5" s="29" t="s">
        <v>23</v>
      </c>
      <c r="AF5" s="24" t="s">
        <v>24</v>
      </c>
      <c r="AG5" s="21" t="s">
        <v>22</v>
      </c>
      <c r="AH5" s="24" t="s">
        <v>24</v>
      </c>
      <c r="AI5" s="7">
        <v>11</v>
      </c>
      <c r="AJ5" s="3"/>
      <c r="AK5" s="29" t="s">
        <v>23</v>
      </c>
      <c r="AL5" s="24" t="s">
        <v>24</v>
      </c>
      <c r="AM5" s="28" t="s">
        <v>11</v>
      </c>
      <c r="AN5" s="26" t="s">
        <v>24</v>
      </c>
      <c r="AO5" s="7">
        <v>11</v>
      </c>
      <c r="AP5" s="3"/>
      <c r="AQ5" s="29" t="s">
        <v>23</v>
      </c>
      <c r="AR5" s="15" t="s">
        <v>24</v>
      </c>
      <c r="AS5" s="23" t="s">
        <v>15</v>
      </c>
      <c r="AT5" s="15" t="s">
        <v>24</v>
      </c>
      <c r="AU5" s="7">
        <v>11</v>
      </c>
      <c r="AV5" s="3"/>
      <c r="AW5" s="51" t="s">
        <v>20</v>
      </c>
      <c r="AX5" s="15" t="s">
        <v>24</v>
      </c>
      <c r="AY5" s="28" t="s">
        <v>11</v>
      </c>
      <c r="AZ5" s="15" t="s">
        <v>24</v>
      </c>
      <c r="BA5" s="7">
        <v>11</v>
      </c>
      <c r="BB5" s="3"/>
      <c r="BC5" s="81"/>
      <c r="BF5" s="3"/>
      <c r="BG5" s="13"/>
      <c r="BJ5" s="3"/>
    </row>
    <row r="6" spans="1:62" ht="15.75" thickBot="1">
      <c r="A6" s="14" t="s">
        <v>11</v>
      </c>
      <c r="B6" s="15" t="s">
        <v>26</v>
      </c>
      <c r="C6" s="16" t="s">
        <v>20</v>
      </c>
      <c r="D6" s="17" t="s">
        <v>26</v>
      </c>
      <c r="E6" s="7">
        <v>1</v>
      </c>
      <c r="F6" s="3"/>
      <c r="G6" s="16" t="s">
        <v>20</v>
      </c>
      <c r="H6" s="15" t="s">
        <v>26</v>
      </c>
      <c r="I6" s="48" t="s">
        <v>23</v>
      </c>
      <c r="J6" s="15" t="s">
        <v>26</v>
      </c>
      <c r="K6" s="7">
        <v>1</v>
      </c>
      <c r="L6" s="3"/>
      <c r="M6" s="75" t="s">
        <v>43</v>
      </c>
      <c r="N6" s="24" t="s">
        <v>26</v>
      </c>
      <c r="O6" s="48" t="s">
        <v>23</v>
      </c>
      <c r="P6" s="24" t="s">
        <v>26</v>
      </c>
      <c r="Q6" s="7">
        <v>1</v>
      </c>
      <c r="R6" s="3"/>
      <c r="S6" s="28" t="s">
        <v>11</v>
      </c>
      <c r="T6" s="24" t="s">
        <v>26</v>
      </c>
      <c r="U6" s="30" t="s">
        <v>22</v>
      </c>
      <c r="V6" s="15" t="s">
        <v>26</v>
      </c>
      <c r="W6" s="80">
        <v>1</v>
      </c>
      <c r="X6" s="3"/>
      <c r="Y6" s="25" t="s">
        <v>17</v>
      </c>
      <c r="Z6" s="15" t="s">
        <v>26</v>
      </c>
      <c r="AA6" s="58" t="s">
        <v>38</v>
      </c>
      <c r="AB6" s="15" t="s">
        <v>26</v>
      </c>
      <c r="AC6" s="7">
        <v>1</v>
      </c>
      <c r="AD6" s="3"/>
      <c r="AE6" s="31" t="s">
        <v>23</v>
      </c>
      <c r="AF6" s="24" t="s">
        <v>26</v>
      </c>
      <c r="AG6" s="30" t="s">
        <v>22</v>
      </c>
      <c r="AH6" s="24" t="s">
        <v>26</v>
      </c>
      <c r="AI6" s="7">
        <v>1</v>
      </c>
      <c r="AJ6" s="3"/>
      <c r="AK6" s="31" t="s">
        <v>23</v>
      </c>
      <c r="AL6" s="24" t="s">
        <v>26</v>
      </c>
      <c r="AM6" s="28" t="s">
        <v>11</v>
      </c>
      <c r="AN6" s="26" t="s">
        <v>26</v>
      </c>
      <c r="AO6" s="7">
        <v>1</v>
      </c>
      <c r="AP6" s="3"/>
      <c r="AQ6" s="31" t="s">
        <v>23</v>
      </c>
      <c r="AR6" s="15" t="s">
        <v>26</v>
      </c>
      <c r="AS6" s="23" t="s">
        <v>15</v>
      </c>
      <c r="AT6" s="15" t="s">
        <v>26</v>
      </c>
      <c r="AU6" s="7">
        <v>1</v>
      </c>
      <c r="AV6" s="3"/>
      <c r="AW6" s="51" t="s">
        <v>20</v>
      </c>
      <c r="AX6" s="15" t="s">
        <v>26</v>
      </c>
      <c r="AY6" s="28" t="s">
        <v>11</v>
      </c>
      <c r="AZ6" s="15" t="s">
        <v>26</v>
      </c>
      <c r="BA6" s="7">
        <v>1</v>
      </c>
      <c r="BB6" s="3"/>
      <c r="BF6" s="3"/>
      <c r="BG6" s="13"/>
      <c r="BJ6" s="3"/>
    </row>
    <row r="7" spans="1:62" ht="15.75" thickBot="1">
      <c r="A7" s="36" t="s">
        <v>11</v>
      </c>
      <c r="B7" s="37" t="s">
        <v>27</v>
      </c>
      <c r="C7" s="38" t="s">
        <v>20</v>
      </c>
      <c r="D7" s="39" t="s">
        <v>27</v>
      </c>
      <c r="E7" s="7">
        <v>3</v>
      </c>
      <c r="F7" s="3"/>
      <c r="G7" s="38" t="s">
        <v>20</v>
      </c>
      <c r="H7" s="37" t="s">
        <v>27</v>
      </c>
      <c r="I7" s="48" t="s">
        <v>23</v>
      </c>
      <c r="J7" s="37" t="s">
        <v>27</v>
      </c>
      <c r="K7" s="7">
        <v>3</v>
      </c>
      <c r="L7" s="3"/>
      <c r="M7" s="75" t="s">
        <v>46</v>
      </c>
      <c r="N7" s="33" t="s">
        <v>27</v>
      </c>
      <c r="O7" s="48" t="s">
        <v>23</v>
      </c>
      <c r="P7" s="33" t="s">
        <v>27</v>
      </c>
      <c r="Q7" s="7">
        <v>3</v>
      </c>
      <c r="R7" s="3"/>
      <c r="S7" s="43" t="s">
        <v>11</v>
      </c>
      <c r="T7" s="33" t="s">
        <v>27</v>
      </c>
      <c r="U7" s="21" t="s">
        <v>22</v>
      </c>
      <c r="V7" s="39" t="s">
        <v>27</v>
      </c>
      <c r="W7" s="80">
        <v>3</v>
      </c>
      <c r="X7" s="3"/>
      <c r="Y7" s="34" t="s">
        <v>17</v>
      </c>
      <c r="Z7" s="37" t="s">
        <v>27</v>
      </c>
      <c r="AA7" s="58" t="s">
        <v>38</v>
      </c>
      <c r="AB7" s="37" t="s">
        <v>27</v>
      </c>
      <c r="AC7" s="7">
        <v>3</v>
      </c>
      <c r="AD7" s="3"/>
      <c r="AE7" s="44" t="s">
        <v>23</v>
      </c>
      <c r="AF7" s="33" t="s">
        <v>27</v>
      </c>
      <c r="AG7" s="21" t="s">
        <v>22</v>
      </c>
      <c r="AH7" s="33" t="s">
        <v>27</v>
      </c>
      <c r="AI7" s="7">
        <v>3</v>
      </c>
      <c r="AJ7" s="3"/>
      <c r="AK7" s="44" t="s">
        <v>23</v>
      </c>
      <c r="AL7" s="33" t="s">
        <v>27</v>
      </c>
      <c r="AM7" s="43" t="s">
        <v>11</v>
      </c>
      <c r="AN7" s="35" t="s">
        <v>27</v>
      </c>
      <c r="AO7" s="7">
        <v>3</v>
      </c>
      <c r="AP7" s="3"/>
      <c r="AQ7" s="44" t="s">
        <v>23</v>
      </c>
      <c r="AR7" s="37" t="s">
        <v>27</v>
      </c>
      <c r="AS7" s="32" t="s">
        <v>15</v>
      </c>
      <c r="AT7" s="37" t="s">
        <v>27</v>
      </c>
      <c r="AU7" s="7">
        <v>3</v>
      </c>
      <c r="AV7" s="3"/>
      <c r="AW7" s="53" t="s">
        <v>20</v>
      </c>
      <c r="AX7" s="37" t="s">
        <v>27</v>
      </c>
      <c r="AY7" s="43" t="s">
        <v>11</v>
      </c>
      <c r="AZ7" s="37" t="s">
        <v>27</v>
      </c>
      <c r="BA7" s="7">
        <v>3</v>
      </c>
      <c r="BB7" s="3"/>
      <c r="BF7" s="3"/>
      <c r="BJ7" s="3"/>
    </row>
    <row r="8" spans="1:62" ht="15.75" thickBot="1">
      <c r="A8" s="7"/>
      <c r="B8" s="7"/>
      <c r="C8" s="7"/>
      <c r="D8" s="7"/>
      <c r="E8" s="7"/>
      <c r="F8" s="3"/>
      <c r="L8" s="3"/>
      <c r="R8" s="3"/>
      <c r="X8" s="3"/>
      <c r="AD8" s="3"/>
      <c r="AJ8" s="3"/>
      <c r="AP8" s="3"/>
      <c r="AV8" s="3"/>
      <c r="BB8" s="3"/>
      <c r="BF8" s="3"/>
      <c r="BJ8" s="3"/>
    </row>
    <row r="9" spans="1:62" ht="15.75" thickBot="1">
      <c r="E9" s="7"/>
      <c r="F9" s="3"/>
      <c r="G9" s="62" t="s">
        <v>11</v>
      </c>
      <c r="H9" s="63"/>
      <c r="I9" s="63"/>
      <c r="J9" s="64"/>
      <c r="L9" s="3"/>
      <c r="M9" s="62" t="s">
        <v>11</v>
      </c>
      <c r="N9" s="63"/>
      <c r="O9" s="63"/>
      <c r="P9" s="64"/>
      <c r="R9" s="3"/>
      <c r="S9" s="62" t="s">
        <v>12</v>
      </c>
      <c r="T9" s="63"/>
      <c r="U9" s="63"/>
      <c r="V9" s="64"/>
      <c r="W9" s="8"/>
      <c r="X9" s="3"/>
      <c r="Y9" s="59" t="s">
        <v>13</v>
      </c>
      <c r="Z9" s="60"/>
      <c r="AA9" s="60"/>
      <c r="AB9" s="61"/>
      <c r="AC9" s="7"/>
      <c r="AD9" s="3"/>
      <c r="AE9" s="59" t="s">
        <v>42</v>
      </c>
      <c r="AF9" s="60"/>
      <c r="AG9" s="60"/>
      <c r="AH9" s="61"/>
      <c r="AI9" s="7"/>
      <c r="AJ9" s="3"/>
      <c r="AK9" s="62" t="s">
        <v>10</v>
      </c>
      <c r="AL9" s="63"/>
      <c r="AM9" s="63"/>
      <c r="AN9" s="64"/>
      <c r="AO9" s="7"/>
      <c r="AP9" s="3"/>
      <c r="AQ9" s="62" t="s">
        <v>12</v>
      </c>
      <c r="AR9" s="63"/>
      <c r="AS9" s="63"/>
      <c r="AT9" s="64"/>
      <c r="AU9" s="7"/>
      <c r="AV9" s="3"/>
      <c r="AW9" s="59" t="s">
        <v>23</v>
      </c>
      <c r="AX9" s="60"/>
      <c r="AY9" s="60"/>
      <c r="AZ9" s="61"/>
      <c r="BA9" s="7"/>
      <c r="BB9" s="3"/>
      <c r="BF9" s="3"/>
      <c r="BJ9" s="3"/>
    </row>
    <row r="10" spans="1:62" ht="15.75" thickBot="1">
      <c r="E10" s="7"/>
      <c r="F10" s="3"/>
      <c r="G10" s="21" t="s">
        <v>22</v>
      </c>
      <c r="H10" s="15" t="s">
        <v>16</v>
      </c>
      <c r="I10" s="14" t="s">
        <v>11</v>
      </c>
      <c r="J10" s="15" t="s">
        <v>16</v>
      </c>
      <c r="K10" s="7">
        <v>9</v>
      </c>
      <c r="L10" s="3"/>
      <c r="M10" s="58" t="s">
        <v>38</v>
      </c>
      <c r="N10" s="10" t="s">
        <v>16</v>
      </c>
      <c r="O10" s="14" t="s">
        <v>11</v>
      </c>
      <c r="P10" s="15" t="s">
        <v>16</v>
      </c>
      <c r="Q10" s="7">
        <v>9</v>
      </c>
      <c r="R10" s="3"/>
      <c r="S10" s="9" t="s">
        <v>15</v>
      </c>
      <c r="T10" s="10" t="s">
        <v>16</v>
      </c>
      <c r="U10" s="11" t="s">
        <v>17</v>
      </c>
      <c r="V10" s="10" t="s">
        <v>16</v>
      </c>
      <c r="W10" s="8">
        <v>1</v>
      </c>
      <c r="X10" s="3"/>
      <c r="Y10" s="51" t="s">
        <v>20</v>
      </c>
      <c r="Z10" s="15" t="s">
        <v>16</v>
      </c>
      <c r="AA10" s="21" t="s">
        <v>22</v>
      </c>
      <c r="AB10" s="52" t="s">
        <v>16</v>
      </c>
      <c r="AC10" s="7">
        <v>9</v>
      </c>
      <c r="AD10" s="3"/>
      <c r="AE10" s="75" t="s">
        <v>43</v>
      </c>
      <c r="AF10" s="10" t="s">
        <v>16</v>
      </c>
      <c r="AG10" s="58" t="s">
        <v>38</v>
      </c>
      <c r="AH10" s="10" t="s">
        <v>16</v>
      </c>
      <c r="AI10" s="7">
        <v>9</v>
      </c>
      <c r="AJ10" s="3"/>
      <c r="AK10" s="21" t="s">
        <v>22</v>
      </c>
      <c r="AL10" s="10" t="s">
        <v>16</v>
      </c>
      <c r="AM10" s="51" t="s">
        <v>20</v>
      </c>
      <c r="AN10" s="17" t="s">
        <v>16</v>
      </c>
      <c r="AO10" s="7">
        <v>9</v>
      </c>
      <c r="AP10" s="3"/>
      <c r="AQ10" s="16" t="s">
        <v>20</v>
      </c>
      <c r="AR10" s="10" t="s">
        <v>16</v>
      </c>
      <c r="AS10" s="11" t="s">
        <v>17</v>
      </c>
      <c r="AT10" s="15" t="s">
        <v>16</v>
      </c>
      <c r="AU10" s="80">
        <v>9</v>
      </c>
      <c r="AV10" s="3"/>
      <c r="AW10" s="21" t="s">
        <v>22</v>
      </c>
      <c r="AX10" s="12" t="s">
        <v>16</v>
      </c>
      <c r="AY10" s="22" t="s">
        <v>23</v>
      </c>
      <c r="AZ10" s="10" t="s">
        <v>16</v>
      </c>
      <c r="BA10" s="7">
        <v>9</v>
      </c>
      <c r="BB10" s="3"/>
      <c r="BF10" s="3"/>
      <c r="BJ10" s="3"/>
    </row>
    <row r="11" spans="1:62" ht="15.75" thickBot="1">
      <c r="E11" s="7"/>
      <c r="F11" s="3"/>
      <c r="G11" s="21" t="s">
        <v>22</v>
      </c>
      <c r="H11" s="15" t="s">
        <v>24</v>
      </c>
      <c r="I11" s="14" t="s">
        <v>11</v>
      </c>
      <c r="J11" s="15" t="s">
        <v>24</v>
      </c>
      <c r="K11" s="7">
        <v>11</v>
      </c>
      <c r="L11" s="3"/>
      <c r="M11" s="58" t="s">
        <v>38</v>
      </c>
      <c r="N11" s="24" t="s">
        <v>24</v>
      </c>
      <c r="O11" s="14" t="s">
        <v>11</v>
      </c>
      <c r="P11" s="15" t="s">
        <v>24</v>
      </c>
      <c r="Q11" s="7">
        <v>11</v>
      </c>
      <c r="R11" s="3"/>
      <c r="S11" s="23" t="s">
        <v>15</v>
      </c>
      <c r="T11" s="24" t="s">
        <v>24</v>
      </c>
      <c r="U11" s="25" t="s">
        <v>17</v>
      </c>
      <c r="V11" s="24" t="s">
        <v>24</v>
      </c>
      <c r="W11" s="8">
        <v>3</v>
      </c>
      <c r="X11" s="3"/>
      <c r="Y11" s="51" t="s">
        <v>20</v>
      </c>
      <c r="Z11" s="15" t="s">
        <v>24</v>
      </c>
      <c r="AA11" s="21" t="s">
        <v>22</v>
      </c>
      <c r="AB11" s="52" t="s">
        <v>24</v>
      </c>
      <c r="AC11" s="7">
        <v>11</v>
      </c>
      <c r="AD11" s="3"/>
      <c r="AE11" s="75" t="s">
        <v>43</v>
      </c>
      <c r="AF11" s="24" t="s">
        <v>24</v>
      </c>
      <c r="AG11" s="58" t="s">
        <v>38</v>
      </c>
      <c r="AH11" s="24" t="s">
        <v>24</v>
      </c>
      <c r="AI11" s="7">
        <v>11</v>
      </c>
      <c r="AJ11" s="3"/>
      <c r="AK11" s="21" t="s">
        <v>22</v>
      </c>
      <c r="AL11" s="24" t="s">
        <v>24</v>
      </c>
      <c r="AM11" s="51" t="s">
        <v>20</v>
      </c>
      <c r="AN11" s="17" t="s">
        <v>24</v>
      </c>
      <c r="AO11" s="7">
        <v>11</v>
      </c>
      <c r="AP11" s="3"/>
      <c r="AQ11" s="16" t="s">
        <v>20</v>
      </c>
      <c r="AR11" s="24" t="s">
        <v>24</v>
      </c>
      <c r="AS11" s="25" t="s">
        <v>17</v>
      </c>
      <c r="AT11" s="27" t="s">
        <v>24</v>
      </c>
      <c r="AU11" s="80">
        <v>11</v>
      </c>
      <c r="AV11" s="3"/>
      <c r="AW11" s="21" t="s">
        <v>22</v>
      </c>
      <c r="AX11" s="26" t="s">
        <v>24</v>
      </c>
      <c r="AY11" s="29" t="s">
        <v>23</v>
      </c>
      <c r="AZ11" s="24" t="s">
        <v>24</v>
      </c>
      <c r="BA11" s="7">
        <v>11</v>
      </c>
      <c r="BB11" s="3"/>
      <c r="BF11" s="3"/>
      <c r="BJ11" s="3"/>
    </row>
    <row r="12" spans="1:62" ht="15.75" thickBot="1">
      <c r="E12" s="7"/>
      <c r="F12" s="3"/>
      <c r="G12" s="30" t="s">
        <v>22</v>
      </c>
      <c r="H12" s="15" t="s">
        <v>26</v>
      </c>
      <c r="I12" s="14" t="s">
        <v>11</v>
      </c>
      <c r="J12" s="15" t="s">
        <v>26</v>
      </c>
      <c r="K12" s="7">
        <v>1</v>
      </c>
      <c r="L12" s="3"/>
      <c r="M12" s="58" t="s">
        <v>38</v>
      </c>
      <c r="N12" s="24" t="s">
        <v>26</v>
      </c>
      <c r="O12" s="14" t="s">
        <v>11</v>
      </c>
      <c r="P12" s="15" t="s">
        <v>26</v>
      </c>
      <c r="Q12" s="7">
        <v>1</v>
      </c>
      <c r="R12" s="3"/>
      <c r="S12" s="23" t="s">
        <v>15</v>
      </c>
      <c r="T12" s="24" t="s">
        <v>26</v>
      </c>
      <c r="U12" s="25" t="s">
        <v>17</v>
      </c>
      <c r="V12" s="24" t="s">
        <v>26</v>
      </c>
      <c r="W12" s="8">
        <v>5</v>
      </c>
      <c r="X12" s="3"/>
      <c r="Y12" s="51" t="s">
        <v>20</v>
      </c>
      <c r="Z12" s="15" t="s">
        <v>26</v>
      </c>
      <c r="AA12" s="30" t="s">
        <v>22</v>
      </c>
      <c r="AB12" s="52" t="s">
        <v>26</v>
      </c>
      <c r="AC12" s="7">
        <v>1</v>
      </c>
      <c r="AD12" s="3"/>
      <c r="AE12" s="75" t="s">
        <v>43</v>
      </c>
      <c r="AF12" s="24" t="s">
        <v>26</v>
      </c>
      <c r="AG12" s="58" t="s">
        <v>38</v>
      </c>
      <c r="AH12" s="24" t="s">
        <v>26</v>
      </c>
      <c r="AI12" s="7">
        <v>1</v>
      </c>
      <c r="AJ12" s="3"/>
      <c r="AK12" s="30" t="s">
        <v>22</v>
      </c>
      <c r="AL12" s="24" t="s">
        <v>26</v>
      </c>
      <c r="AM12" s="51" t="s">
        <v>20</v>
      </c>
      <c r="AN12" s="17" t="s">
        <v>26</v>
      </c>
      <c r="AO12" s="7">
        <v>1</v>
      </c>
      <c r="AP12" s="3"/>
      <c r="AQ12" s="16" t="s">
        <v>20</v>
      </c>
      <c r="AR12" s="24" t="s">
        <v>26</v>
      </c>
      <c r="AS12" s="25" t="s">
        <v>17</v>
      </c>
      <c r="AT12" s="27" t="s">
        <v>26</v>
      </c>
      <c r="AU12" s="80">
        <v>1</v>
      </c>
      <c r="AV12" s="3"/>
      <c r="AW12" s="30" t="s">
        <v>22</v>
      </c>
      <c r="AX12" s="26" t="s">
        <v>26</v>
      </c>
      <c r="AY12" s="31" t="s">
        <v>23</v>
      </c>
      <c r="AZ12" s="24" t="s">
        <v>26</v>
      </c>
      <c r="BA12" s="7">
        <v>1</v>
      </c>
      <c r="BB12" s="3"/>
      <c r="BF12" s="3"/>
      <c r="BJ12" s="3"/>
    </row>
    <row r="13" spans="1:62" ht="15.75" thickBot="1">
      <c r="E13" s="7"/>
      <c r="F13" s="3"/>
      <c r="G13" s="21" t="s">
        <v>22</v>
      </c>
      <c r="H13" s="37" t="s">
        <v>27</v>
      </c>
      <c r="I13" s="36" t="s">
        <v>11</v>
      </c>
      <c r="J13" s="37" t="s">
        <v>27</v>
      </c>
      <c r="K13" s="7">
        <v>3</v>
      </c>
      <c r="L13" s="3"/>
      <c r="M13" s="58" t="s">
        <v>38</v>
      </c>
      <c r="N13" s="33" t="s">
        <v>27</v>
      </c>
      <c r="O13" s="36" t="s">
        <v>11</v>
      </c>
      <c r="P13" s="37" t="s">
        <v>27</v>
      </c>
      <c r="Q13" s="7">
        <v>3</v>
      </c>
      <c r="R13" s="3"/>
      <c r="S13" s="32" t="s">
        <v>15</v>
      </c>
      <c r="T13" s="33" t="s">
        <v>27</v>
      </c>
      <c r="U13" s="34" t="s">
        <v>17</v>
      </c>
      <c r="V13" s="33" t="s">
        <v>27</v>
      </c>
      <c r="W13" s="8">
        <v>7</v>
      </c>
      <c r="X13" s="3"/>
      <c r="Y13" s="53" t="s">
        <v>20</v>
      </c>
      <c r="Z13" s="37" t="s">
        <v>27</v>
      </c>
      <c r="AA13" s="21" t="s">
        <v>22</v>
      </c>
      <c r="AB13" s="54" t="s">
        <v>27</v>
      </c>
      <c r="AC13" s="7">
        <v>3</v>
      </c>
      <c r="AD13" s="3"/>
      <c r="AE13" s="75" t="s">
        <v>46</v>
      </c>
      <c r="AF13" s="33" t="s">
        <v>27</v>
      </c>
      <c r="AG13" s="58" t="s">
        <v>38</v>
      </c>
      <c r="AH13" s="33" t="s">
        <v>27</v>
      </c>
      <c r="AI13" s="7">
        <v>3</v>
      </c>
      <c r="AJ13" s="3"/>
      <c r="AK13" s="21" t="s">
        <v>22</v>
      </c>
      <c r="AL13" s="33" t="s">
        <v>27</v>
      </c>
      <c r="AM13" s="53" t="s">
        <v>20</v>
      </c>
      <c r="AN13" s="39" t="s">
        <v>27</v>
      </c>
      <c r="AO13" s="7">
        <v>3</v>
      </c>
      <c r="AP13" s="3"/>
      <c r="AQ13" s="38" t="s">
        <v>20</v>
      </c>
      <c r="AR13" s="33" t="s">
        <v>27</v>
      </c>
      <c r="AS13" s="34" t="s">
        <v>17</v>
      </c>
      <c r="AT13" s="42" t="s">
        <v>27</v>
      </c>
      <c r="AU13" s="80">
        <v>3</v>
      </c>
      <c r="AV13" s="3"/>
      <c r="AW13" s="21" t="s">
        <v>22</v>
      </c>
      <c r="AX13" s="35" t="s">
        <v>27</v>
      </c>
      <c r="AY13" s="44" t="s">
        <v>23</v>
      </c>
      <c r="AZ13" s="33" t="s">
        <v>27</v>
      </c>
      <c r="BA13" s="7">
        <v>3</v>
      </c>
      <c r="BB13" s="3"/>
      <c r="BF13" s="3"/>
      <c r="BJ13" s="3"/>
    </row>
    <row r="14" spans="1:62" ht="15.75" thickBot="1">
      <c r="A14" s="7"/>
      <c r="B14" s="7"/>
      <c r="C14" s="7"/>
      <c r="D14" s="7"/>
      <c r="E14" s="7"/>
      <c r="F14" s="3"/>
      <c r="L14" s="3"/>
      <c r="R14" s="3"/>
      <c r="X14" s="3"/>
      <c r="AD14" s="3"/>
      <c r="AJ14" s="3"/>
      <c r="AP14" s="3"/>
      <c r="AV14" s="3"/>
      <c r="BB14" s="3"/>
      <c r="BF14" s="3"/>
      <c r="BJ14" s="3"/>
    </row>
    <row r="15" spans="1:62" ht="15.75" thickBot="1">
      <c r="E15" s="7"/>
      <c r="F15" s="3"/>
      <c r="G15" s="59" t="s">
        <v>14</v>
      </c>
      <c r="H15" s="60"/>
      <c r="I15" s="60"/>
      <c r="J15" s="61"/>
      <c r="L15" s="3"/>
      <c r="M15" s="62" t="s">
        <v>10</v>
      </c>
      <c r="N15" s="63"/>
      <c r="O15" s="63"/>
      <c r="P15" s="64"/>
      <c r="R15" s="3"/>
      <c r="S15" s="62" t="s">
        <v>10</v>
      </c>
      <c r="T15" s="63"/>
      <c r="U15" s="63"/>
      <c r="V15" s="64"/>
      <c r="X15" s="3"/>
      <c r="Y15" s="59" t="s">
        <v>23</v>
      </c>
      <c r="Z15" s="60"/>
      <c r="AA15" s="60"/>
      <c r="AB15" s="61"/>
      <c r="AC15" s="7"/>
      <c r="AD15" s="3"/>
      <c r="AE15" s="59" t="s">
        <v>14</v>
      </c>
      <c r="AF15" s="60"/>
      <c r="AG15" s="60"/>
      <c r="AH15" s="61"/>
      <c r="AJ15" s="3"/>
      <c r="AK15" s="62" t="s">
        <v>12</v>
      </c>
      <c r="AL15" s="63"/>
      <c r="AM15" s="63"/>
      <c r="AN15" s="64"/>
      <c r="AP15" s="3"/>
      <c r="AQ15" s="77" t="s">
        <v>43</v>
      </c>
      <c r="AR15" s="78"/>
      <c r="AS15" s="78"/>
      <c r="AT15" s="79"/>
      <c r="AU15" s="7"/>
      <c r="AV15" s="3"/>
      <c r="AW15" s="59" t="s">
        <v>42</v>
      </c>
      <c r="AX15" s="60"/>
      <c r="AY15" s="60"/>
      <c r="AZ15" s="61"/>
      <c r="BB15" s="3"/>
      <c r="BF15" s="3"/>
      <c r="BJ15" s="3"/>
    </row>
    <row r="16" spans="1:62" ht="15.75" thickBot="1">
      <c r="F16" s="3"/>
      <c r="G16" s="58" t="s">
        <v>38</v>
      </c>
      <c r="H16" s="15" t="s">
        <v>16</v>
      </c>
      <c r="I16" s="46" t="s">
        <v>15</v>
      </c>
      <c r="J16" s="15" t="s">
        <v>16</v>
      </c>
      <c r="K16" s="80">
        <v>9</v>
      </c>
      <c r="L16" s="3"/>
      <c r="M16" s="46" t="s">
        <v>15</v>
      </c>
      <c r="N16" s="15" t="s">
        <v>16</v>
      </c>
      <c r="O16" s="16" t="s">
        <v>20</v>
      </c>
      <c r="P16" s="15" t="s">
        <v>16</v>
      </c>
      <c r="Q16" s="7">
        <v>9</v>
      </c>
      <c r="R16" s="3"/>
      <c r="S16" s="22" t="s">
        <v>23</v>
      </c>
      <c r="T16" s="10" t="s">
        <v>16</v>
      </c>
      <c r="U16" s="16" t="s">
        <v>20</v>
      </c>
      <c r="V16" s="10" t="s">
        <v>16</v>
      </c>
      <c r="W16" s="8">
        <v>9</v>
      </c>
      <c r="X16" s="3"/>
      <c r="Y16" s="14" t="s">
        <v>11</v>
      </c>
      <c r="Z16" s="10" t="s">
        <v>16</v>
      </c>
      <c r="AA16" s="22" t="s">
        <v>23</v>
      </c>
      <c r="AB16" s="10" t="s">
        <v>16</v>
      </c>
      <c r="AC16" s="80">
        <v>9</v>
      </c>
      <c r="AD16" s="3"/>
      <c r="AE16" s="11" t="s">
        <v>17</v>
      </c>
      <c r="AF16" s="10" t="s">
        <v>16</v>
      </c>
      <c r="AG16" s="9" t="s">
        <v>15</v>
      </c>
      <c r="AH16" s="10" t="s">
        <v>16</v>
      </c>
      <c r="AI16" s="80">
        <v>9</v>
      </c>
      <c r="AJ16" s="3"/>
      <c r="AK16" s="58" t="s">
        <v>38</v>
      </c>
      <c r="AL16" s="10" t="s">
        <v>16</v>
      </c>
      <c r="AM16" s="11" t="s">
        <v>17</v>
      </c>
      <c r="AN16" s="17" t="s">
        <v>16</v>
      </c>
      <c r="AO16" s="80">
        <v>1</v>
      </c>
      <c r="AP16" s="3"/>
      <c r="AQ16" s="14" t="s">
        <v>11</v>
      </c>
      <c r="AR16" s="10" t="s">
        <v>16</v>
      </c>
      <c r="AS16" s="76" t="s">
        <v>43</v>
      </c>
      <c r="AT16" s="10" t="s">
        <v>16</v>
      </c>
      <c r="AU16" s="80">
        <v>9</v>
      </c>
      <c r="AV16" s="3"/>
      <c r="AW16" s="46" t="s">
        <v>15</v>
      </c>
      <c r="AX16" s="10" t="s">
        <v>16</v>
      </c>
      <c r="AY16" s="58" t="s">
        <v>38</v>
      </c>
      <c r="AZ16" s="15" t="s">
        <v>16</v>
      </c>
      <c r="BA16" s="80">
        <v>9</v>
      </c>
      <c r="BB16" s="3"/>
      <c r="BF16" s="3"/>
      <c r="BJ16" s="3"/>
    </row>
    <row r="17" spans="1:62" ht="15.75" thickBot="1">
      <c r="F17" s="3"/>
      <c r="G17" s="58" t="s">
        <v>38</v>
      </c>
      <c r="H17" s="15" t="s">
        <v>24</v>
      </c>
      <c r="I17" s="46" t="s">
        <v>15</v>
      </c>
      <c r="J17" s="15" t="s">
        <v>24</v>
      </c>
      <c r="K17" s="80">
        <v>11</v>
      </c>
      <c r="L17" s="3"/>
      <c r="M17" s="46" t="s">
        <v>15</v>
      </c>
      <c r="N17" s="15" t="s">
        <v>24</v>
      </c>
      <c r="O17" s="16" t="s">
        <v>20</v>
      </c>
      <c r="P17" s="15" t="s">
        <v>24</v>
      </c>
      <c r="Q17" s="7">
        <v>11</v>
      </c>
      <c r="R17" s="3"/>
      <c r="S17" s="29" t="s">
        <v>23</v>
      </c>
      <c r="T17" s="24" t="s">
        <v>24</v>
      </c>
      <c r="U17" s="47" t="s">
        <v>20</v>
      </c>
      <c r="V17" s="24" t="s">
        <v>24</v>
      </c>
      <c r="W17" s="8">
        <v>11</v>
      </c>
      <c r="X17" s="3"/>
      <c r="Y17" s="28" t="s">
        <v>11</v>
      </c>
      <c r="Z17" s="24" t="s">
        <v>24</v>
      </c>
      <c r="AA17" s="29" t="s">
        <v>23</v>
      </c>
      <c r="AB17" s="24" t="s">
        <v>24</v>
      </c>
      <c r="AC17" s="80">
        <v>11</v>
      </c>
      <c r="AD17" s="3"/>
      <c r="AE17" s="25" t="s">
        <v>17</v>
      </c>
      <c r="AF17" s="24" t="s">
        <v>24</v>
      </c>
      <c r="AG17" s="23" t="s">
        <v>15</v>
      </c>
      <c r="AH17" s="24" t="s">
        <v>24</v>
      </c>
      <c r="AI17" s="80">
        <v>11</v>
      </c>
      <c r="AJ17" s="3"/>
      <c r="AK17" s="58" t="s">
        <v>38</v>
      </c>
      <c r="AL17" s="24" t="s">
        <v>24</v>
      </c>
      <c r="AM17" s="25" t="s">
        <v>17</v>
      </c>
      <c r="AN17" s="17" t="s">
        <v>24</v>
      </c>
      <c r="AO17" s="80">
        <v>3</v>
      </c>
      <c r="AP17" s="3"/>
      <c r="AQ17" s="28" t="s">
        <v>11</v>
      </c>
      <c r="AR17" s="24" t="s">
        <v>24</v>
      </c>
      <c r="AS17" s="76" t="s">
        <v>43</v>
      </c>
      <c r="AT17" s="24" t="s">
        <v>24</v>
      </c>
      <c r="AU17" s="80">
        <v>11</v>
      </c>
      <c r="AV17" s="3"/>
      <c r="AW17" s="46" t="s">
        <v>15</v>
      </c>
      <c r="AX17" s="24" t="s">
        <v>24</v>
      </c>
      <c r="AY17" s="58" t="s">
        <v>38</v>
      </c>
      <c r="AZ17" s="27" t="s">
        <v>24</v>
      </c>
      <c r="BA17" s="80">
        <v>11</v>
      </c>
      <c r="BB17" s="3"/>
      <c r="BF17" s="3"/>
      <c r="BJ17" s="3"/>
    </row>
    <row r="18" spans="1:62" ht="15.75" thickBot="1">
      <c r="F18" s="3"/>
      <c r="G18" s="58" t="s">
        <v>38</v>
      </c>
      <c r="H18" s="15" t="s">
        <v>26</v>
      </c>
      <c r="I18" s="46" t="s">
        <v>15</v>
      </c>
      <c r="J18" s="15" t="s">
        <v>26</v>
      </c>
      <c r="K18" s="80">
        <v>1</v>
      </c>
      <c r="L18" s="3"/>
      <c r="M18" s="46" t="s">
        <v>15</v>
      </c>
      <c r="N18" s="15" t="s">
        <v>26</v>
      </c>
      <c r="O18" s="16" t="s">
        <v>20</v>
      </c>
      <c r="P18" s="15" t="s">
        <v>26</v>
      </c>
      <c r="Q18" s="7">
        <v>1</v>
      </c>
      <c r="R18" s="3"/>
      <c r="S18" s="31" t="s">
        <v>23</v>
      </c>
      <c r="T18" s="24" t="s">
        <v>26</v>
      </c>
      <c r="U18" s="47" t="s">
        <v>20</v>
      </c>
      <c r="V18" s="24" t="s">
        <v>26</v>
      </c>
      <c r="W18" s="8">
        <v>1</v>
      </c>
      <c r="X18" s="3"/>
      <c r="Y18" s="28" t="s">
        <v>11</v>
      </c>
      <c r="Z18" s="24" t="s">
        <v>26</v>
      </c>
      <c r="AA18" s="31" t="s">
        <v>23</v>
      </c>
      <c r="AB18" s="24" t="s">
        <v>26</v>
      </c>
      <c r="AC18" s="80">
        <v>1</v>
      </c>
      <c r="AD18" s="3"/>
      <c r="AE18" s="25" t="s">
        <v>17</v>
      </c>
      <c r="AF18" s="24" t="s">
        <v>26</v>
      </c>
      <c r="AG18" s="23" t="s">
        <v>15</v>
      </c>
      <c r="AH18" s="24" t="s">
        <v>26</v>
      </c>
      <c r="AI18" s="80">
        <v>1</v>
      </c>
      <c r="AJ18" s="3"/>
      <c r="AK18" s="58" t="s">
        <v>38</v>
      </c>
      <c r="AL18" s="24" t="s">
        <v>26</v>
      </c>
      <c r="AM18" s="25" t="s">
        <v>17</v>
      </c>
      <c r="AN18" s="17" t="s">
        <v>26</v>
      </c>
      <c r="AO18" s="80">
        <v>5</v>
      </c>
      <c r="AP18" s="3"/>
      <c r="AQ18" s="28" t="s">
        <v>11</v>
      </c>
      <c r="AR18" s="24" t="s">
        <v>26</v>
      </c>
      <c r="AS18" s="76" t="s">
        <v>43</v>
      </c>
      <c r="AT18" s="24" t="s">
        <v>26</v>
      </c>
      <c r="AU18" s="80">
        <v>1</v>
      </c>
      <c r="AV18" s="3"/>
      <c r="AW18" s="46" t="s">
        <v>15</v>
      </c>
      <c r="AX18" s="24" t="s">
        <v>26</v>
      </c>
      <c r="AY18" s="58" t="s">
        <v>38</v>
      </c>
      <c r="AZ18" s="27" t="s">
        <v>26</v>
      </c>
      <c r="BA18" s="80">
        <v>1</v>
      </c>
      <c r="BB18" s="3"/>
      <c r="BF18" s="3"/>
      <c r="BJ18" s="3"/>
    </row>
    <row r="19" spans="1:62" ht="15.75" thickBot="1">
      <c r="F19" s="3"/>
      <c r="G19" s="58" t="s">
        <v>38</v>
      </c>
      <c r="H19" s="37" t="s">
        <v>27</v>
      </c>
      <c r="I19" s="49" t="s">
        <v>15</v>
      </c>
      <c r="J19" s="37" t="s">
        <v>27</v>
      </c>
      <c r="K19" s="80">
        <v>3</v>
      </c>
      <c r="L19" s="3"/>
      <c r="M19" s="49" t="s">
        <v>15</v>
      </c>
      <c r="N19" s="37" t="s">
        <v>27</v>
      </c>
      <c r="O19" s="38" t="s">
        <v>20</v>
      </c>
      <c r="P19" s="37" t="s">
        <v>27</v>
      </c>
      <c r="Q19" s="7">
        <v>3</v>
      </c>
      <c r="R19" s="3"/>
      <c r="S19" s="44" t="s">
        <v>23</v>
      </c>
      <c r="T19" s="33" t="s">
        <v>27</v>
      </c>
      <c r="U19" s="50" t="s">
        <v>20</v>
      </c>
      <c r="V19" s="33" t="s">
        <v>27</v>
      </c>
      <c r="W19" s="8">
        <v>3</v>
      </c>
      <c r="X19" s="3"/>
      <c r="Y19" s="43" t="s">
        <v>11</v>
      </c>
      <c r="Z19" s="33" t="s">
        <v>27</v>
      </c>
      <c r="AA19" s="44" t="s">
        <v>23</v>
      </c>
      <c r="AB19" s="33" t="s">
        <v>27</v>
      </c>
      <c r="AC19" s="80">
        <v>3</v>
      </c>
      <c r="AD19" s="3"/>
      <c r="AE19" s="34" t="s">
        <v>17</v>
      </c>
      <c r="AF19" s="33" t="s">
        <v>27</v>
      </c>
      <c r="AG19" s="32" t="s">
        <v>15</v>
      </c>
      <c r="AH19" s="33" t="s">
        <v>27</v>
      </c>
      <c r="AI19" s="80">
        <v>3</v>
      </c>
      <c r="AJ19" s="3"/>
      <c r="AK19" s="58" t="s">
        <v>38</v>
      </c>
      <c r="AL19" s="33" t="s">
        <v>27</v>
      </c>
      <c r="AM19" s="34" t="s">
        <v>17</v>
      </c>
      <c r="AN19" s="39" t="s">
        <v>27</v>
      </c>
      <c r="AO19" s="80">
        <v>7</v>
      </c>
      <c r="AP19" s="3"/>
      <c r="AQ19" s="43" t="s">
        <v>11</v>
      </c>
      <c r="AR19" s="33" t="s">
        <v>27</v>
      </c>
      <c r="AS19" s="76" t="s">
        <v>45</v>
      </c>
      <c r="AT19" s="33" t="s">
        <v>27</v>
      </c>
      <c r="AU19" s="80">
        <v>3</v>
      </c>
      <c r="AV19" s="3"/>
      <c r="AW19" s="49" t="s">
        <v>15</v>
      </c>
      <c r="AX19" s="33" t="s">
        <v>27</v>
      </c>
      <c r="AY19" s="58" t="s">
        <v>38</v>
      </c>
      <c r="AZ19" s="42" t="s">
        <v>27</v>
      </c>
      <c r="BA19" s="80">
        <v>3</v>
      </c>
      <c r="BB19" s="3"/>
      <c r="BF19" s="3"/>
      <c r="BJ19" s="3"/>
    </row>
    <row r="20" spans="1:62" ht="15.75" thickBot="1">
      <c r="F20" s="3"/>
      <c r="L20" s="3"/>
      <c r="R20" s="3"/>
      <c r="X20" s="3"/>
      <c r="AD20" s="3"/>
      <c r="AJ20" s="3"/>
      <c r="AP20" s="3"/>
      <c r="AV20" s="3"/>
      <c r="BB20" s="3"/>
      <c r="BF20" s="3"/>
      <c r="BJ20" s="3"/>
    </row>
    <row r="21" spans="1:62" ht="15.75" thickBot="1">
      <c r="F21" s="3"/>
      <c r="G21" s="62" t="s">
        <v>43</v>
      </c>
      <c r="H21" s="70"/>
      <c r="I21" s="70"/>
      <c r="J21" s="71"/>
      <c r="L21" s="3"/>
      <c r="M21" s="59" t="s">
        <v>13</v>
      </c>
      <c r="N21" s="60"/>
      <c r="O21" s="60"/>
      <c r="P21" s="61"/>
      <c r="R21" s="3"/>
      <c r="S21" s="77" t="s">
        <v>43</v>
      </c>
      <c r="T21" s="78"/>
      <c r="U21" s="78"/>
      <c r="V21" s="79"/>
      <c r="X21" s="3"/>
      <c r="Y21" s="77" t="s">
        <v>43</v>
      </c>
      <c r="Z21" s="78"/>
      <c r="AA21" s="78"/>
      <c r="AB21" s="79"/>
      <c r="AD21" s="3"/>
      <c r="AJ21" s="3"/>
      <c r="AK21" s="59" t="s">
        <v>14</v>
      </c>
      <c r="AL21" s="60"/>
      <c r="AM21" s="60"/>
      <c r="AN21" s="61"/>
      <c r="AP21" s="3"/>
      <c r="AQ21" s="59" t="s">
        <v>42</v>
      </c>
      <c r="AR21" s="60"/>
      <c r="AS21" s="60"/>
      <c r="AT21" s="61"/>
      <c r="AV21" s="3"/>
      <c r="AW21" s="62" t="s">
        <v>12</v>
      </c>
      <c r="AX21" s="63"/>
      <c r="AY21" s="63"/>
      <c r="AZ21" s="64"/>
      <c r="BB21" s="3"/>
      <c r="BF21" s="3"/>
      <c r="BJ21" s="3"/>
    </row>
    <row r="22" spans="1:62" ht="15.75" thickBot="1">
      <c r="F22" s="3"/>
      <c r="G22" s="11" t="s">
        <v>17</v>
      </c>
      <c r="H22" s="15" t="s">
        <v>16</v>
      </c>
      <c r="I22" s="75" t="s">
        <v>43</v>
      </c>
      <c r="J22" s="15" t="s">
        <v>16</v>
      </c>
      <c r="K22" s="82">
        <v>0.14583333333333334</v>
      </c>
      <c r="L22" s="3"/>
      <c r="M22" s="11" t="s">
        <v>17</v>
      </c>
      <c r="N22" s="15" t="s">
        <v>16</v>
      </c>
      <c r="O22" s="21" t="s">
        <v>22</v>
      </c>
      <c r="P22" s="15" t="s">
        <v>16</v>
      </c>
      <c r="Q22" s="80">
        <v>9</v>
      </c>
      <c r="R22" s="3"/>
      <c r="S22" s="58" t="s">
        <v>38</v>
      </c>
      <c r="T22" s="12" t="s">
        <v>16</v>
      </c>
      <c r="U22" s="76" t="s">
        <v>43</v>
      </c>
      <c r="V22" s="15" t="s">
        <v>16</v>
      </c>
      <c r="W22" s="80">
        <v>9</v>
      </c>
      <c r="X22" s="3"/>
      <c r="Y22" s="9" t="s">
        <v>15</v>
      </c>
      <c r="Z22" s="15" t="s">
        <v>16</v>
      </c>
      <c r="AA22" s="76" t="s">
        <v>43</v>
      </c>
      <c r="AB22" s="15" t="s">
        <v>16</v>
      </c>
      <c r="AC22" s="80">
        <v>9</v>
      </c>
      <c r="AD22" s="3"/>
      <c r="AJ22" s="3"/>
      <c r="AK22" s="75" t="s">
        <v>43</v>
      </c>
      <c r="AL22" s="10" t="s">
        <v>16</v>
      </c>
      <c r="AM22" s="9" t="s">
        <v>15</v>
      </c>
      <c r="AN22" s="10" t="s">
        <v>16</v>
      </c>
      <c r="AO22" s="80">
        <v>9</v>
      </c>
      <c r="AP22" s="3"/>
      <c r="AQ22" s="21" t="s">
        <v>22</v>
      </c>
      <c r="AR22" s="10" t="s">
        <v>16</v>
      </c>
      <c r="AS22" s="58" t="s">
        <v>38</v>
      </c>
      <c r="AT22" s="10" t="s">
        <v>16</v>
      </c>
      <c r="AU22" s="80">
        <v>9</v>
      </c>
      <c r="AV22" s="3"/>
      <c r="AW22" s="76" t="s">
        <v>43</v>
      </c>
      <c r="AX22" s="10" t="s">
        <v>16</v>
      </c>
      <c r="AY22" s="11" t="s">
        <v>17</v>
      </c>
      <c r="AZ22" s="10" t="s">
        <v>16</v>
      </c>
      <c r="BA22" s="84">
        <v>1</v>
      </c>
      <c r="BB22" s="3"/>
      <c r="BF22" s="3"/>
      <c r="BJ22" s="3"/>
    </row>
    <row r="23" spans="1:62" ht="15.75" thickBot="1">
      <c r="F23" s="3"/>
      <c r="G23" s="25" t="s">
        <v>17</v>
      </c>
      <c r="H23" s="15" t="s">
        <v>24</v>
      </c>
      <c r="I23" s="75" t="s">
        <v>43</v>
      </c>
      <c r="J23" s="15" t="s">
        <v>24</v>
      </c>
      <c r="K23" s="82">
        <v>0.22916666666666666</v>
      </c>
      <c r="L23" s="3"/>
      <c r="M23" s="25" t="s">
        <v>17</v>
      </c>
      <c r="N23" s="15" t="s">
        <v>24</v>
      </c>
      <c r="O23" s="21" t="s">
        <v>22</v>
      </c>
      <c r="P23" s="15" t="s">
        <v>24</v>
      </c>
      <c r="Q23" s="80">
        <v>11</v>
      </c>
      <c r="R23" s="3"/>
      <c r="S23" s="58" t="s">
        <v>38</v>
      </c>
      <c r="T23" s="26" t="s">
        <v>24</v>
      </c>
      <c r="U23" s="76" t="s">
        <v>43</v>
      </c>
      <c r="V23" s="15" t="s">
        <v>24</v>
      </c>
      <c r="W23" s="80">
        <v>11</v>
      </c>
      <c r="X23" s="3"/>
      <c r="Y23" s="23" t="s">
        <v>15</v>
      </c>
      <c r="Z23" s="15" t="s">
        <v>24</v>
      </c>
      <c r="AA23" s="76" t="s">
        <v>43</v>
      </c>
      <c r="AB23" s="15" t="s">
        <v>24</v>
      </c>
      <c r="AC23" s="80">
        <v>11</v>
      </c>
      <c r="AD23" s="3"/>
      <c r="AJ23" s="3"/>
      <c r="AK23" s="75" t="s">
        <v>43</v>
      </c>
      <c r="AL23" s="24" t="s">
        <v>24</v>
      </c>
      <c r="AM23" s="23" t="s">
        <v>15</v>
      </c>
      <c r="AN23" s="24" t="s">
        <v>24</v>
      </c>
      <c r="AO23" s="80">
        <v>11</v>
      </c>
      <c r="AP23" s="3"/>
      <c r="AQ23" s="21" t="s">
        <v>22</v>
      </c>
      <c r="AR23" s="24" t="s">
        <v>24</v>
      </c>
      <c r="AS23" s="58" t="s">
        <v>38</v>
      </c>
      <c r="AT23" s="24" t="s">
        <v>24</v>
      </c>
      <c r="AU23" s="80">
        <v>11</v>
      </c>
      <c r="AV23" s="3"/>
      <c r="AW23" s="76" t="s">
        <v>43</v>
      </c>
      <c r="AX23" s="24" t="s">
        <v>24</v>
      </c>
      <c r="AY23" s="25" t="s">
        <v>17</v>
      </c>
      <c r="AZ23" s="24" t="s">
        <v>24</v>
      </c>
      <c r="BA23" s="84">
        <v>3</v>
      </c>
      <c r="BB23" s="3"/>
      <c r="BF23" s="3"/>
      <c r="BJ23" s="3"/>
    </row>
    <row r="24" spans="1:62" ht="15.75" thickBot="1">
      <c r="F24" s="3"/>
      <c r="G24" s="25" t="s">
        <v>17</v>
      </c>
      <c r="H24" s="15" t="s">
        <v>26</v>
      </c>
      <c r="I24" s="75" t="s">
        <v>43</v>
      </c>
      <c r="J24" s="15" t="s">
        <v>26</v>
      </c>
      <c r="K24" s="82">
        <v>6.25E-2</v>
      </c>
      <c r="L24" s="3"/>
      <c r="M24" s="25" t="s">
        <v>17</v>
      </c>
      <c r="N24" s="15" t="s">
        <v>26</v>
      </c>
      <c r="O24" s="30" t="s">
        <v>22</v>
      </c>
      <c r="P24" s="15" t="s">
        <v>26</v>
      </c>
      <c r="Q24" s="80">
        <v>1</v>
      </c>
      <c r="R24" s="3"/>
      <c r="S24" s="58" t="s">
        <v>38</v>
      </c>
      <c r="T24" s="26" t="s">
        <v>26</v>
      </c>
      <c r="U24" s="76" t="s">
        <v>43</v>
      </c>
      <c r="V24" s="24" t="s">
        <v>26</v>
      </c>
      <c r="W24" s="80">
        <v>1</v>
      </c>
      <c r="X24" s="3"/>
      <c r="Y24" s="23" t="s">
        <v>15</v>
      </c>
      <c r="Z24" s="15" t="s">
        <v>26</v>
      </c>
      <c r="AA24" s="76" t="s">
        <v>43</v>
      </c>
      <c r="AB24" s="15" t="s">
        <v>26</v>
      </c>
      <c r="AC24" s="80">
        <v>1</v>
      </c>
      <c r="AD24" s="3"/>
      <c r="AJ24" s="3"/>
      <c r="AK24" s="75" t="s">
        <v>43</v>
      </c>
      <c r="AL24" s="24" t="s">
        <v>26</v>
      </c>
      <c r="AM24" s="23" t="s">
        <v>15</v>
      </c>
      <c r="AN24" s="24" t="s">
        <v>26</v>
      </c>
      <c r="AO24" s="80">
        <v>1</v>
      </c>
      <c r="AP24" s="3"/>
      <c r="AQ24" s="30" t="s">
        <v>22</v>
      </c>
      <c r="AR24" s="24" t="s">
        <v>26</v>
      </c>
      <c r="AS24" s="58" t="s">
        <v>38</v>
      </c>
      <c r="AT24" s="24" t="s">
        <v>26</v>
      </c>
      <c r="AU24" s="80">
        <v>1</v>
      </c>
      <c r="AV24" s="3"/>
      <c r="AW24" s="76" t="s">
        <v>43</v>
      </c>
      <c r="AX24" s="24" t="s">
        <v>26</v>
      </c>
      <c r="AY24" s="25" t="s">
        <v>17</v>
      </c>
      <c r="AZ24" s="24" t="s">
        <v>26</v>
      </c>
      <c r="BA24" s="84">
        <v>5</v>
      </c>
      <c r="BB24" s="3"/>
      <c r="BF24" s="3"/>
      <c r="BJ24" s="3"/>
    </row>
    <row r="25" spans="1:62" ht="15.75" thickBot="1">
      <c r="F25" s="3"/>
      <c r="G25" s="34" t="s">
        <v>17</v>
      </c>
      <c r="H25" s="83" t="s">
        <v>47</v>
      </c>
      <c r="I25" s="75" t="s">
        <v>44</v>
      </c>
      <c r="J25" s="37" t="s">
        <v>27</v>
      </c>
      <c r="K25" s="82">
        <v>0.3125</v>
      </c>
      <c r="L25" s="3"/>
      <c r="M25" s="34" t="s">
        <v>17</v>
      </c>
      <c r="N25" s="37" t="s">
        <v>27</v>
      </c>
      <c r="O25" s="21" t="s">
        <v>22</v>
      </c>
      <c r="P25" s="37" t="s">
        <v>27</v>
      </c>
      <c r="Q25" s="80">
        <v>3</v>
      </c>
      <c r="R25" s="3"/>
      <c r="S25" s="58" t="s">
        <v>38</v>
      </c>
      <c r="T25" s="35" t="s">
        <v>27</v>
      </c>
      <c r="U25" s="76" t="s">
        <v>46</v>
      </c>
      <c r="V25" s="37" t="s">
        <v>27</v>
      </c>
      <c r="W25" s="80">
        <v>3</v>
      </c>
      <c r="X25" s="3"/>
      <c r="Y25" s="32" t="s">
        <v>15</v>
      </c>
      <c r="Z25" s="37" t="s">
        <v>27</v>
      </c>
      <c r="AA25" s="76" t="s">
        <v>46</v>
      </c>
      <c r="AB25" s="37" t="s">
        <v>27</v>
      </c>
      <c r="AC25" s="80">
        <v>3</v>
      </c>
      <c r="AD25" s="3"/>
      <c r="AJ25" s="3"/>
      <c r="AK25" s="75" t="s">
        <v>46</v>
      </c>
      <c r="AL25" s="33" t="s">
        <v>27</v>
      </c>
      <c r="AM25" s="32" t="s">
        <v>15</v>
      </c>
      <c r="AN25" s="33" t="s">
        <v>27</v>
      </c>
      <c r="AO25" s="80">
        <v>3</v>
      </c>
      <c r="AP25" s="3"/>
      <c r="AQ25" s="21" t="s">
        <v>22</v>
      </c>
      <c r="AR25" s="33" t="s">
        <v>27</v>
      </c>
      <c r="AS25" s="58" t="s">
        <v>38</v>
      </c>
      <c r="AT25" s="33" t="s">
        <v>27</v>
      </c>
      <c r="AU25" s="80">
        <v>3</v>
      </c>
      <c r="AV25" s="3"/>
      <c r="AW25" s="76" t="s">
        <v>45</v>
      </c>
      <c r="AX25" s="33" t="s">
        <v>27</v>
      </c>
      <c r="AY25" s="34" t="s">
        <v>17</v>
      </c>
      <c r="AZ25" s="33" t="s">
        <v>27</v>
      </c>
      <c r="BA25" s="84">
        <v>7</v>
      </c>
      <c r="BB25" s="3"/>
      <c r="BF25" s="3"/>
      <c r="BJ25" s="3"/>
    </row>
    <row r="26" spans="1:62" ht="18.75">
      <c r="A26" s="65" t="s">
        <v>28</v>
      </c>
      <c r="B26" s="66"/>
      <c r="C26" s="66"/>
      <c r="F26" s="3"/>
      <c r="G26" s="72" t="s">
        <v>28</v>
      </c>
      <c r="H26" s="72"/>
      <c r="I26" s="72"/>
      <c r="J26" s="73"/>
      <c r="L26" s="3"/>
      <c r="M26" s="65" t="s">
        <v>28</v>
      </c>
      <c r="N26" s="66"/>
      <c r="O26" s="66"/>
      <c r="R26" s="3"/>
      <c r="S26" s="65" t="s">
        <v>28</v>
      </c>
      <c r="T26" s="66"/>
      <c r="U26" s="66"/>
      <c r="X26" s="3"/>
      <c r="Y26" s="65" t="s">
        <v>28</v>
      </c>
      <c r="Z26" s="66"/>
      <c r="AA26" s="66"/>
      <c r="AD26" s="3"/>
      <c r="AE26" s="65" t="s">
        <v>28</v>
      </c>
      <c r="AF26" s="66"/>
      <c r="AG26" s="66"/>
      <c r="AJ26" s="3"/>
      <c r="AK26" s="65" t="s">
        <v>28</v>
      </c>
      <c r="AL26" s="66"/>
      <c r="AM26" s="66"/>
      <c r="AP26" s="3"/>
      <c r="AQ26" s="65" t="s">
        <v>28</v>
      </c>
      <c r="AR26" s="66"/>
      <c r="AS26" s="66"/>
      <c r="AV26" s="3"/>
      <c r="AW26" s="65" t="s">
        <v>28</v>
      </c>
      <c r="AX26" s="66"/>
      <c r="AY26" s="66"/>
      <c r="BB26" s="3"/>
      <c r="BF26" s="3"/>
      <c r="BJ26" s="3"/>
    </row>
    <row r="27" spans="1:62">
      <c r="A27" s="18" t="s">
        <v>17</v>
      </c>
      <c r="F27" s="3"/>
      <c r="L27" s="3"/>
      <c r="R27" s="3"/>
      <c r="X27" s="3"/>
      <c r="AD27" s="3"/>
      <c r="AE27" s="16" t="s">
        <v>20</v>
      </c>
      <c r="AJ27" s="3"/>
      <c r="AP27" s="3"/>
      <c r="AV27" s="3"/>
      <c r="BB27" s="3"/>
      <c r="BF27" s="3"/>
      <c r="BJ27" s="3"/>
    </row>
    <row r="28" spans="1:62">
      <c r="A28" s="46" t="s">
        <v>15</v>
      </c>
      <c r="F28" s="3"/>
      <c r="L28" s="3"/>
      <c r="R28" s="3"/>
      <c r="X28" s="3"/>
      <c r="AD28" s="3"/>
      <c r="AE28" s="16" t="s">
        <v>20</v>
      </c>
      <c r="AJ28" s="3"/>
      <c r="AP28" s="3"/>
      <c r="AV28" s="3"/>
      <c r="BB28" s="3"/>
      <c r="BF28" s="3"/>
      <c r="BJ28" s="3"/>
    </row>
    <row r="29" spans="1:62">
      <c r="A29" s="75" t="s">
        <v>43</v>
      </c>
      <c r="F29" s="3"/>
      <c r="L29" s="3"/>
      <c r="R29" s="3"/>
      <c r="X29" s="3"/>
      <c r="AD29" s="3"/>
      <c r="AE29" s="16" t="s">
        <v>20</v>
      </c>
      <c r="AJ29" s="3"/>
      <c r="AP29" s="3"/>
      <c r="AV29" s="3"/>
      <c r="BB29" s="3"/>
      <c r="BF29" s="3"/>
      <c r="BJ29" s="3"/>
    </row>
    <row r="30" spans="1:62" ht="15.75" thickBot="1">
      <c r="A30" s="21" t="s">
        <v>22</v>
      </c>
      <c r="F30" s="3"/>
      <c r="L30" s="3"/>
      <c r="R30" s="3"/>
      <c r="X30" s="3"/>
      <c r="AD30" s="3"/>
      <c r="AE30" s="38" t="s">
        <v>20</v>
      </c>
      <c r="AJ30" s="3"/>
      <c r="AP30" s="3"/>
      <c r="AV30" s="3"/>
      <c r="BB30" s="3"/>
      <c r="BF30" s="3"/>
      <c r="BJ30" s="3"/>
    </row>
    <row r="31" spans="1:62" ht="15.75" thickBot="1">
      <c r="A31" s="58" t="s">
        <v>38</v>
      </c>
      <c r="F31" s="3"/>
      <c r="L31" s="3"/>
      <c r="R31" s="3"/>
      <c r="X31" s="3"/>
      <c r="AD31" s="3"/>
      <c r="AJ31" s="3"/>
      <c r="AP31" s="3"/>
      <c r="AV31" s="3"/>
      <c r="BB31" s="3"/>
      <c r="BF31" s="3"/>
      <c r="BJ31" s="3"/>
    </row>
    <row r="32" spans="1:62">
      <c r="A32" s="45" t="s">
        <v>23</v>
      </c>
      <c r="F32" s="3"/>
      <c r="L32" s="3"/>
      <c r="R32" s="3"/>
      <c r="X32" s="3"/>
      <c r="AD32" s="3"/>
      <c r="AE32" s="14" t="s">
        <v>11</v>
      </c>
      <c r="AJ32" s="3"/>
      <c r="AP32" s="3"/>
      <c r="AV32" s="3"/>
      <c r="BB32" s="3"/>
      <c r="BF32" s="3"/>
      <c r="BJ32" s="3"/>
    </row>
    <row r="33" spans="6:62">
      <c r="F33" s="3"/>
      <c r="L33" s="3"/>
      <c r="R33" s="3"/>
      <c r="X33" s="3"/>
      <c r="AD33" s="3"/>
      <c r="AE33" s="28" t="s">
        <v>11</v>
      </c>
      <c r="AJ33" s="3"/>
      <c r="AP33" s="3"/>
      <c r="AV33" s="3"/>
      <c r="BB33" s="3"/>
      <c r="BF33" s="3"/>
      <c r="BJ33" s="3"/>
    </row>
    <row r="34" spans="6:62">
      <c r="F34" s="3"/>
      <c r="L34" s="3"/>
      <c r="R34" s="3"/>
      <c r="X34" s="3"/>
      <c r="AD34" s="3"/>
      <c r="AE34" s="28" t="s">
        <v>11</v>
      </c>
      <c r="AJ34" s="3"/>
      <c r="AP34" s="3"/>
      <c r="AV34" s="3"/>
      <c r="BB34" s="3"/>
      <c r="BF34" s="3"/>
      <c r="BJ34" s="3"/>
    </row>
    <row r="35" spans="6:62" ht="15.75" thickBot="1">
      <c r="F35" s="3"/>
      <c r="L35" s="3"/>
      <c r="R35" s="3"/>
      <c r="X35" s="3"/>
      <c r="AD35" s="3"/>
      <c r="AE35" s="43" t="s">
        <v>11</v>
      </c>
      <c r="AJ35" s="3"/>
      <c r="AP35" s="3"/>
      <c r="AV35" s="3"/>
      <c r="BB35" s="3"/>
      <c r="BF35" s="3"/>
      <c r="BJ35" s="3"/>
    </row>
    <row r="40" spans="6:62">
      <c r="AD40" s="74"/>
    </row>
  </sheetData>
  <mergeCells count="42">
    <mergeCell ref="BG3:BJ3"/>
    <mergeCell ref="M21:P21"/>
    <mergeCell ref="AK21:AN21"/>
    <mergeCell ref="AQ21:AT21"/>
    <mergeCell ref="AQ15:AT15"/>
    <mergeCell ref="AW15:AZ15"/>
    <mergeCell ref="Y21:AB21"/>
    <mergeCell ref="S21:V21"/>
    <mergeCell ref="G21:J21"/>
    <mergeCell ref="AW21:AZ21"/>
    <mergeCell ref="AW26:AY26"/>
    <mergeCell ref="M9:P9"/>
    <mergeCell ref="Y9:AB9"/>
    <mergeCell ref="G26:J26"/>
    <mergeCell ref="M15:P15"/>
    <mergeCell ref="G15:J15"/>
    <mergeCell ref="S15:V15"/>
    <mergeCell ref="Y15:AB15"/>
    <mergeCell ref="AE9:AH9"/>
    <mergeCell ref="AK15:AN15"/>
    <mergeCell ref="S3:V3"/>
    <mergeCell ref="A26:C26"/>
    <mergeCell ref="M26:O26"/>
    <mergeCell ref="S26:U26"/>
    <mergeCell ref="Y26:AA26"/>
    <mergeCell ref="AE26:AG26"/>
    <mergeCell ref="AK26:AM26"/>
    <mergeCell ref="AQ26:AS26"/>
    <mergeCell ref="G9:J9"/>
    <mergeCell ref="AQ3:AT3"/>
    <mergeCell ref="M3:P3"/>
    <mergeCell ref="A3:D3"/>
    <mergeCell ref="AQ9:AT9"/>
    <mergeCell ref="S9:V9"/>
    <mergeCell ref="AW3:AZ3"/>
    <mergeCell ref="AE3:AH3"/>
    <mergeCell ref="Y3:AB3"/>
    <mergeCell ref="AW9:AZ9"/>
    <mergeCell ref="AE15:AH15"/>
    <mergeCell ref="AK9:AN9"/>
    <mergeCell ref="AK3:AN3"/>
    <mergeCell ref="G3:J3"/>
  </mergeCells>
  <hyperlinks>
    <hyperlink ref="H25" r:id="rId1" xr:uid="{0401A179-FD49-426D-8EDC-5273C8E72AD0}"/>
  </hyperlinks>
  <pageMargins left="0.7" right="0.7" top="0.75" bottom="0.75" header="0.3" footer="0.3"/>
  <pageSetup orientation="portrait" horizontalDpi="1200" verticalDpi="1200"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EF02934-E3DD-4138-A6AC-633244CC15D1}">
  <dimension ref="A2:BI29"/>
  <sheetViews>
    <sheetView workbookViewId="0">
      <selection activeCell="B15" sqref="B15:B18"/>
    </sheetView>
  </sheetViews>
  <sheetFormatPr defaultRowHeight="15"/>
  <sheetData>
    <row r="2" spans="1:61" ht="15.75" thickBot="1"/>
    <row r="3" spans="1:61" ht="15.75" thickBot="1">
      <c r="A3" s="62" t="s">
        <v>13</v>
      </c>
      <c r="B3" s="63"/>
      <c r="C3" s="63"/>
      <c r="D3" s="64"/>
      <c r="G3" s="19" t="s">
        <v>21</v>
      </c>
      <c r="I3" s="15" t="s">
        <v>16</v>
      </c>
    </row>
    <row r="4" spans="1:61" ht="15.75" thickBot="1">
      <c r="A4" s="19" t="s">
        <v>21</v>
      </c>
      <c r="B4" s="15" t="s">
        <v>16</v>
      </c>
      <c r="D4" s="15" t="s">
        <v>16</v>
      </c>
      <c r="G4" s="19" t="s">
        <v>21</v>
      </c>
      <c r="I4" s="15" t="s">
        <v>24</v>
      </c>
      <c r="M4" s="62" t="s">
        <v>12</v>
      </c>
      <c r="N4" s="63"/>
      <c r="O4" s="63"/>
      <c r="P4" s="64"/>
      <c r="U4" s="46" t="s">
        <v>15</v>
      </c>
      <c r="AE4" s="62" t="s">
        <v>11</v>
      </c>
      <c r="AF4" s="63"/>
      <c r="AG4" s="63"/>
      <c r="AH4" s="64"/>
      <c r="AK4" s="67" t="s">
        <v>13</v>
      </c>
      <c r="AL4" s="68"/>
      <c r="AM4" s="68"/>
      <c r="AN4" s="69"/>
      <c r="AS4" s="45" t="s">
        <v>23</v>
      </c>
      <c r="AW4" s="55" t="s">
        <v>29</v>
      </c>
    </row>
    <row r="5" spans="1:61" ht="15.75" thickBot="1">
      <c r="A5" s="19" t="s">
        <v>21</v>
      </c>
      <c r="B5" s="15" t="s">
        <v>24</v>
      </c>
      <c r="D5" s="15" t="s">
        <v>24</v>
      </c>
      <c r="G5" s="19" t="s">
        <v>21</v>
      </c>
      <c r="I5" s="15" t="s">
        <v>26</v>
      </c>
      <c r="M5" s="19" t="s">
        <v>21</v>
      </c>
      <c r="N5" s="15" t="s">
        <v>16</v>
      </c>
      <c r="O5" s="18" t="s">
        <v>17</v>
      </c>
      <c r="P5" s="20" t="s">
        <v>16</v>
      </c>
      <c r="Q5" s="15" t="s">
        <v>16</v>
      </c>
      <c r="T5" s="12" t="s">
        <v>16</v>
      </c>
      <c r="U5" s="46" t="s">
        <v>15</v>
      </c>
      <c r="Y5" s="62" t="s">
        <v>21</v>
      </c>
      <c r="Z5" s="63"/>
      <c r="AA5" s="63"/>
      <c r="AB5" s="64"/>
      <c r="AF5" s="15" t="s">
        <v>16</v>
      </c>
      <c r="AH5" s="15" t="s">
        <v>16</v>
      </c>
      <c r="AK5" s="11" t="s">
        <v>17</v>
      </c>
      <c r="AL5" s="12" t="s">
        <v>16</v>
      </c>
      <c r="AM5" s="21" t="s">
        <v>22</v>
      </c>
      <c r="AN5" s="15" t="s">
        <v>16</v>
      </c>
    </row>
    <row r="6" spans="1:61" ht="15.75" thickBot="1">
      <c r="A6" s="19" t="s">
        <v>21</v>
      </c>
      <c r="B6" s="15" t="s">
        <v>26</v>
      </c>
      <c r="D6" s="15" t="s">
        <v>26</v>
      </c>
      <c r="G6" s="41" t="s">
        <v>21</v>
      </c>
      <c r="I6" s="37" t="s">
        <v>27</v>
      </c>
      <c r="M6" s="19" t="s">
        <v>21</v>
      </c>
      <c r="N6" s="15" t="s">
        <v>24</v>
      </c>
      <c r="O6" s="18" t="s">
        <v>17</v>
      </c>
      <c r="P6" s="20" t="s">
        <v>24</v>
      </c>
      <c r="Q6" s="15" t="s">
        <v>24</v>
      </c>
      <c r="T6" s="26" t="s">
        <v>24</v>
      </c>
      <c r="U6" s="46" t="s">
        <v>15</v>
      </c>
      <c r="Y6" s="16" t="s">
        <v>20</v>
      </c>
      <c r="Z6" s="10" t="s">
        <v>16</v>
      </c>
      <c r="AA6" s="19" t="s">
        <v>21</v>
      </c>
      <c r="AB6" s="10" t="s">
        <v>16</v>
      </c>
      <c r="AF6" s="15" t="s">
        <v>24</v>
      </c>
      <c r="AH6" s="15" t="s">
        <v>24</v>
      </c>
      <c r="AK6" s="25" t="s">
        <v>17</v>
      </c>
      <c r="AL6" s="26" t="s">
        <v>24</v>
      </c>
      <c r="AM6" s="21" t="s">
        <v>22</v>
      </c>
      <c r="AN6" s="27" t="s">
        <v>24</v>
      </c>
      <c r="AQ6" s="62" t="s">
        <v>35</v>
      </c>
      <c r="AR6" s="63"/>
      <c r="AS6" s="63"/>
      <c r="AT6" s="64"/>
      <c r="BC6" s="62" t="s">
        <v>23</v>
      </c>
      <c r="BD6" s="63"/>
      <c r="BE6" s="63"/>
      <c r="BF6" s="64"/>
      <c r="BI6" s="46" t="s">
        <v>15</v>
      </c>
    </row>
    <row r="7" spans="1:61" ht="15.75" thickBot="1">
      <c r="A7" s="41" t="s">
        <v>21</v>
      </c>
      <c r="B7" s="39" t="s">
        <v>27</v>
      </c>
      <c r="D7" s="37" t="s">
        <v>27</v>
      </c>
      <c r="M7" s="19" t="s">
        <v>21</v>
      </c>
      <c r="N7" s="15" t="s">
        <v>26</v>
      </c>
      <c r="O7" s="18" t="s">
        <v>17</v>
      </c>
      <c r="P7" s="20" t="s">
        <v>26</v>
      </c>
      <c r="Q7" s="15" t="s">
        <v>26</v>
      </c>
      <c r="T7" s="26" t="s">
        <v>26</v>
      </c>
      <c r="U7" s="49" t="s">
        <v>15</v>
      </c>
      <c r="Y7" s="47" t="s">
        <v>20</v>
      </c>
      <c r="Z7" s="24" t="s">
        <v>24</v>
      </c>
      <c r="AA7" s="19" t="s">
        <v>21</v>
      </c>
      <c r="AB7" s="24" t="s">
        <v>24</v>
      </c>
      <c r="AF7" s="15" t="s">
        <v>26</v>
      </c>
      <c r="AH7" s="15" t="s">
        <v>26</v>
      </c>
      <c r="AK7" s="25" t="s">
        <v>17</v>
      </c>
      <c r="AL7" s="26" t="s">
        <v>26</v>
      </c>
      <c r="AM7" s="30" t="s">
        <v>22</v>
      </c>
      <c r="AN7" s="27" t="s">
        <v>26</v>
      </c>
      <c r="AR7" s="15" t="s">
        <v>16</v>
      </c>
      <c r="AW7" s="62" t="s">
        <v>12</v>
      </c>
      <c r="AX7" s="63"/>
      <c r="AY7" s="63"/>
      <c r="AZ7" s="64"/>
      <c r="BC7" s="45" t="s">
        <v>23</v>
      </c>
      <c r="BD7" s="10" t="s">
        <v>16</v>
      </c>
      <c r="BF7" s="10" t="s">
        <v>16</v>
      </c>
      <c r="BI7" s="46" t="s">
        <v>15</v>
      </c>
    </row>
    <row r="8" spans="1:61" ht="15.75" thickBot="1">
      <c r="M8" s="41" t="s">
        <v>21</v>
      </c>
      <c r="N8" s="37" t="s">
        <v>27</v>
      </c>
      <c r="O8" s="40" t="s">
        <v>17</v>
      </c>
      <c r="P8" s="39" t="s">
        <v>27</v>
      </c>
      <c r="Q8" s="39" t="s">
        <v>27</v>
      </c>
      <c r="T8" s="35" t="s">
        <v>27</v>
      </c>
      <c r="Y8" s="47" t="s">
        <v>20</v>
      </c>
      <c r="Z8" s="24" t="s">
        <v>26</v>
      </c>
      <c r="AA8" s="19" t="s">
        <v>21</v>
      </c>
      <c r="AB8" s="24" t="s">
        <v>26</v>
      </c>
      <c r="AF8" s="39" t="s">
        <v>27</v>
      </c>
      <c r="AH8" s="37" t="s">
        <v>27</v>
      </c>
      <c r="AK8" s="34" t="s">
        <v>17</v>
      </c>
      <c r="AL8" s="35" t="s">
        <v>27</v>
      </c>
      <c r="AM8" s="21" t="s">
        <v>22</v>
      </c>
      <c r="AN8" s="42" t="s">
        <v>27</v>
      </c>
      <c r="AQ8" t="s">
        <v>30</v>
      </c>
      <c r="AR8" s="15" t="s">
        <v>24</v>
      </c>
      <c r="AS8" t="s">
        <v>33</v>
      </c>
      <c r="AX8" s="10" t="s">
        <v>16</v>
      </c>
      <c r="AZ8" s="12" t="s">
        <v>16</v>
      </c>
      <c r="BC8" s="45" t="s">
        <v>23</v>
      </c>
      <c r="BD8" s="24" t="s">
        <v>24</v>
      </c>
      <c r="BF8" s="24" t="s">
        <v>24</v>
      </c>
      <c r="BI8" s="46" t="s">
        <v>15</v>
      </c>
    </row>
    <row r="9" spans="1:61" ht="15.75" thickBot="1">
      <c r="U9" t="s">
        <v>32</v>
      </c>
      <c r="Y9" s="50" t="s">
        <v>20</v>
      </c>
      <c r="Z9" s="33" t="s">
        <v>27</v>
      </c>
      <c r="AA9" s="41" t="s">
        <v>21</v>
      </c>
      <c r="AB9" s="33" t="s">
        <v>27</v>
      </c>
      <c r="AQ9" t="s">
        <v>31</v>
      </c>
      <c r="AR9" s="15" t="s">
        <v>26</v>
      </c>
      <c r="AS9" t="s">
        <v>34</v>
      </c>
      <c r="AX9" s="24" t="s">
        <v>24</v>
      </c>
      <c r="AZ9" s="26" t="s">
        <v>24</v>
      </c>
      <c r="BC9" s="48" t="s">
        <v>23</v>
      </c>
      <c r="BD9" s="24" t="s">
        <v>26</v>
      </c>
      <c r="BF9" s="24" t="s">
        <v>26</v>
      </c>
      <c r="BI9" s="49" t="s">
        <v>15</v>
      </c>
    </row>
    <row r="10" spans="1:61" ht="15.75" thickBot="1">
      <c r="AR10" s="37" t="s">
        <v>27</v>
      </c>
      <c r="AX10" s="24" t="s">
        <v>26</v>
      </c>
      <c r="AZ10" s="26" t="s">
        <v>26</v>
      </c>
      <c r="BC10" s="48" t="s">
        <v>23</v>
      </c>
      <c r="BD10" s="33" t="s">
        <v>27</v>
      </c>
      <c r="BF10" s="33" t="s">
        <v>27</v>
      </c>
    </row>
    <row r="11" spans="1:61" ht="15.75" thickBot="1">
      <c r="F11" s="62" t="s">
        <v>23</v>
      </c>
      <c r="G11" s="63"/>
      <c r="H11" s="63"/>
      <c r="I11" s="64"/>
      <c r="M11" s="16" t="s">
        <v>20</v>
      </c>
      <c r="N11" s="17" t="s">
        <v>16</v>
      </c>
      <c r="S11" s="14" t="s">
        <v>11</v>
      </c>
      <c r="U11" s="16" t="s">
        <v>20</v>
      </c>
      <c r="AA11" t="s">
        <v>32</v>
      </c>
      <c r="AK11" s="11" t="s">
        <v>17</v>
      </c>
      <c r="AX11" s="33" t="s">
        <v>27</v>
      </c>
      <c r="AZ11" s="35" t="s">
        <v>27</v>
      </c>
    </row>
    <row r="12" spans="1:61" ht="15.75" thickBot="1">
      <c r="G12" s="15" t="s">
        <v>16</v>
      </c>
      <c r="I12" s="17" t="s">
        <v>16</v>
      </c>
      <c r="M12" s="16" t="s">
        <v>20</v>
      </c>
      <c r="N12" s="17" t="s">
        <v>24</v>
      </c>
      <c r="Y12" t="s">
        <v>31</v>
      </c>
      <c r="AA12" t="s">
        <v>33</v>
      </c>
      <c r="AK12" s="25" t="s">
        <v>17</v>
      </c>
      <c r="AQ12" s="6" t="s">
        <v>14</v>
      </c>
      <c r="AR12" s="56"/>
      <c r="AS12" s="56"/>
      <c r="AT12" s="57"/>
    </row>
    <row r="13" spans="1:61" ht="15.75" thickBot="1">
      <c r="F13" s="58" t="s">
        <v>38</v>
      </c>
      <c r="G13" s="15" t="s">
        <v>24</v>
      </c>
      <c r="H13" s="45" t="s">
        <v>23</v>
      </c>
      <c r="I13" s="17" t="s">
        <v>24</v>
      </c>
      <c r="M13" s="16" t="s">
        <v>20</v>
      </c>
      <c r="N13" s="17" t="s">
        <v>26</v>
      </c>
      <c r="AK13" s="25" t="s">
        <v>17</v>
      </c>
      <c r="AQ13" s="19" t="s">
        <v>21</v>
      </c>
      <c r="AR13" s="10" t="s">
        <v>16</v>
      </c>
      <c r="AS13" s="9" t="s">
        <v>15</v>
      </c>
      <c r="AT13" s="10" t="s">
        <v>16</v>
      </c>
    </row>
    <row r="14" spans="1:61" ht="15.75" thickBot="1">
      <c r="F14" s="58" t="s">
        <v>38</v>
      </c>
      <c r="G14" s="15" t="s">
        <v>26</v>
      </c>
      <c r="H14" s="48" t="s">
        <v>23</v>
      </c>
      <c r="I14" s="17" t="s">
        <v>26</v>
      </c>
      <c r="M14" s="38" t="s">
        <v>20</v>
      </c>
      <c r="N14" s="39" t="s">
        <v>27</v>
      </c>
      <c r="AK14" s="34" t="s">
        <v>17</v>
      </c>
      <c r="AQ14" s="19" t="s">
        <v>21</v>
      </c>
      <c r="AR14" s="24" t="s">
        <v>24</v>
      </c>
      <c r="AS14" s="23" t="s">
        <v>15</v>
      </c>
      <c r="AT14" s="24" t="s">
        <v>24</v>
      </c>
    </row>
    <row r="15" spans="1:61" ht="15.75" thickBot="1">
      <c r="B15" s="7">
        <v>9</v>
      </c>
      <c r="F15" s="58" t="s">
        <v>38</v>
      </c>
      <c r="G15" s="37" t="s">
        <v>27</v>
      </c>
      <c r="H15" s="48" t="s">
        <v>23</v>
      </c>
      <c r="I15" s="39" t="s">
        <v>27</v>
      </c>
      <c r="M15" s="9" t="s">
        <v>15</v>
      </c>
      <c r="N15" s="10" t="s">
        <v>16</v>
      </c>
      <c r="AQ15" s="19" t="s">
        <v>21</v>
      </c>
      <c r="AR15" s="24" t="s">
        <v>26</v>
      </c>
      <c r="AS15" s="23" t="s">
        <v>15</v>
      </c>
      <c r="AT15" s="24" t="s">
        <v>26</v>
      </c>
    </row>
    <row r="16" spans="1:61" ht="15.75" thickBot="1">
      <c r="B16" s="7">
        <v>11</v>
      </c>
      <c r="M16" s="23" t="s">
        <v>15</v>
      </c>
      <c r="N16" s="24" t="s">
        <v>24</v>
      </c>
      <c r="AQ16" s="41" t="s">
        <v>21</v>
      </c>
      <c r="AR16" s="33" t="s">
        <v>27</v>
      </c>
      <c r="AS16" s="32" t="s">
        <v>15</v>
      </c>
      <c r="AT16" s="33" t="s">
        <v>27</v>
      </c>
    </row>
    <row r="17" spans="2:14">
      <c r="B17" s="7">
        <v>1</v>
      </c>
      <c r="M17" s="23" t="s">
        <v>15</v>
      </c>
      <c r="N17" s="24" t="s">
        <v>26</v>
      </c>
    </row>
    <row r="18" spans="2:14">
      <c r="B18" s="7">
        <v>3</v>
      </c>
    </row>
    <row r="19" spans="2:14">
      <c r="C19" s="7">
        <v>9</v>
      </c>
      <c r="G19" t="s">
        <v>36</v>
      </c>
      <c r="I19" t="s">
        <v>37</v>
      </c>
    </row>
    <row r="20" spans="2:14">
      <c r="C20" s="7">
        <v>11</v>
      </c>
      <c r="F20" s="16" t="s">
        <v>20</v>
      </c>
      <c r="G20">
        <v>4</v>
      </c>
      <c r="I20">
        <v>4</v>
      </c>
    </row>
    <row r="21" spans="2:14">
      <c r="C21" s="7">
        <v>1</v>
      </c>
      <c r="D21" s="15" t="s">
        <v>16</v>
      </c>
      <c r="F21" s="14" t="s">
        <v>11</v>
      </c>
      <c r="G21">
        <v>4</v>
      </c>
      <c r="I21">
        <v>4</v>
      </c>
    </row>
    <row r="22" spans="2:14">
      <c r="C22" s="7">
        <v>3</v>
      </c>
      <c r="D22" s="15" t="s">
        <v>16</v>
      </c>
      <c r="F22" s="45" t="s">
        <v>23</v>
      </c>
      <c r="G22">
        <v>4</v>
      </c>
      <c r="I22">
        <v>4</v>
      </c>
    </row>
    <row r="23" spans="2:14">
      <c r="D23" s="15" t="s">
        <v>16</v>
      </c>
      <c r="G23">
        <v>3</v>
      </c>
      <c r="I23">
        <v>5</v>
      </c>
    </row>
    <row r="24" spans="2:14">
      <c r="D24" s="15" t="s">
        <v>16</v>
      </c>
    </row>
    <row r="25" spans="2:14">
      <c r="D25" s="10" t="s">
        <v>16</v>
      </c>
    </row>
    <row r="26" spans="2:14" ht="15.75" thickBot="1"/>
    <row r="27" spans="2:14">
      <c r="F27" s="62" t="s">
        <v>10</v>
      </c>
      <c r="G27" s="63"/>
      <c r="H27" s="63"/>
      <c r="I27" s="64"/>
    </row>
    <row r="28" spans="2:14" ht="15.75" thickBot="1"/>
    <row r="29" spans="2:14" ht="15.75" thickBot="1">
      <c r="D29" s="58" t="s">
        <v>38</v>
      </c>
    </row>
  </sheetData>
  <mergeCells count="10">
    <mergeCell ref="A3:D3"/>
    <mergeCell ref="F27:I27"/>
    <mergeCell ref="F11:I11"/>
    <mergeCell ref="M4:P4"/>
    <mergeCell ref="BC6:BF6"/>
    <mergeCell ref="AK4:AN4"/>
    <mergeCell ref="AW7:AZ7"/>
    <mergeCell ref="AQ6:AT6"/>
    <mergeCell ref="Y5:AB5"/>
    <mergeCell ref="AE4:AH4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Sheet1</vt:lpstr>
      <vt:lpstr>Sheet2</vt:lpstr>
    </vt:vector>
  </TitlesOfParts>
  <Company>Caltran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ettet</dc:creator>
  <cp:lastModifiedBy>Pettet, James R@DOT</cp:lastModifiedBy>
  <dcterms:created xsi:type="dcterms:W3CDTF">2019-08-07T06:49:51Z</dcterms:created>
  <dcterms:modified xsi:type="dcterms:W3CDTF">2021-08-23T03:20:15Z</dcterms:modified>
</cp:coreProperties>
</file>